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diagrams/data1.xml" ContentType="application/vnd.openxmlformats-officedocument.drawingml.diagramData+xml"/>
  <Override PartName="/ppt/slides/slide1.xml" ContentType="application/vnd.openxmlformats-officedocument.presentationml.slide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Layouts/slideLayout20.xml" ContentType="application/vnd.openxmlformats-officedocument.presentationml.slideLayout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presProps.xml" ContentType="application/vnd.openxmlformats-officedocument.presentationml.presProps+xml"/>
  <Override PartName="/ppt/tableStyles.xml" ContentType="application/vnd.openxmlformats-officedocument.presentationml.tableStyles+xml"/>
  <Override PartName="/ppt/viewProps.xml" ContentType="application/vnd.openxmlformats-officedocument.presentationml.viewProps+xml"/>
  <Override PartName="/customXml/itemProps3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4.xml" ContentType="application/vnd.openxmlformats-officedocument.customXmlProperties+xml"/>
  <Override PartName="/ppt/tags/tag1.xml" ContentType="application/vnd.openxmlformats-officedocument.presentationml.tags+xml"/>
  <Override PartName="/customXml/itemProps1.xml" ContentType="application/vnd.openxmlformats-officedocument.customXmlPropertie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2.xml" ContentType="application/vnd.openxmlformats-officedocument.customXmlProperties+xml"/>
  <Override PartName="/customXml/itemProps9.xml" ContentType="application/vnd.openxmlformats-officedocument.customXmlProperties+xml"/>
  <Override PartName="/customXml/itemProps8.xml" ContentType="application/vnd.openxmlformats-officedocument.customXmlProperties+xml"/>
  <Override PartName="/customXml/itemProps10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8"/>
    <p:sldMasterId id="2147483987" r:id="rId9"/>
  </p:sldMasterIdLst>
  <p:notesMasterIdLst>
    <p:notesMasterId r:id="rId11"/>
  </p:notesMasterIdLst>
  <p:handoutMasterIdLst>
    <p:handoutMasterId r:id="rId12"/>
  </p:handoutMasterIdLst>
  <p:sldIdLst>
    <p:sldId id="269" r:id="rId10"/>
  </p:sldIdLst>
  <p:sldSz cx="12192000" cy="6858000"/>
  <p:notesSz cx="6858000" cy="9144000"/>
  <p:custDataLst>
    <p:tags r:id="rId13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C83C9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D4475BB-D10B-44F0-9600-7C7EEBAA15E5}" v="1" dt="2022-05-31T14:16:16.07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25" autoAdjust="0"/>
    <p:restoredTop sz="94660"/>
  </p:normalViewPr>
  <p:slideViewPr>
    <p:cSldViewPr snapToGrid="0" showGuides="1">
      <p:cViewPr>
        <p:scale>
          <a:sx n="150" d="100"/>
          <a:sy n="150" d="100"/>
        </p:scale>
        <p:origin x="-3558" y="-90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tags" Target="tags/tag1.xml"/><Relationship Id="rId18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10.xml"/><Relationship Id="rId7" Type="http://schemas.openxmlformats.org/officeDocument/2006/relationships/customXml" Target="../customXml/item7.xml"/><Relationship Id="rId12" Type="http://schemas.openxmlformats.org/officeDocument/2006/relationships/handoutMaster" Target="handoutMasters/handoutMaster1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20" Type="http://schemas.openxmlformats.org/officeDocument/2006/relationships/customXml" Target="../customXml/item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customXml" Target="../customXml/item8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presProps" Target="pres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3">
  <dgm:title val=""/>
  <dgm:desc val=""/>
  <dgm:catLst>
    <dgm:cat type="colorful" pri="103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3"/>
      <a:schemeClr val="accent4"/>
    </dgm:fillClrLst>
    <dgm:linClrLst>
      <a:schemeClr val="accent3"/>
      <a:schemeClr val="accent4"/>
    </dgm:linClrLst>
    <dgm:effectClrLst/>
    <dgm:txLinClrLst/>
    <dgm:txFillClrLst/>
    <dgm:txEffectClrLst/>
  </dgm:styleLbl>
  <dgm:styleLbl name="lnNode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3">
        <a:alpha val="50000"/>
      </a:schemeClr>
      <a:schemeClr val="accent4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3">
        <a:tint val="50000"/>
      </a:schemeClr>
      <a:schemeClr val="accent4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3">
        <a:tint val="50000"/>
      </a:schemeClr>
      <a:schemeClr val="accent4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3">
        <a:tint val="50000"/>
      </a:schemeClr>
      <a:schemeClr val="accent4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3"/>
      <a:schemeClr val="accent4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4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4F2D170A-2230-4717-8FAB-E314178BC0D4}" type="doc">
      <dgm:prSet loTypeId="urn:microsoft.com/office/officeart/2005/8/layout/hierarchy2" loCatId="hierarchy" qsTypeId="urn:microsoft.com/office/officeart/2005/8/quickstyle/simple2" qsCatId="simple" csTypeId="urn:microsoft.com/office/officeart/2005/8/colors/colorful3" csCatId="colorful" phldr="1"/>
      <dgm:spPr/>
      <dgm:t>
        <a:bodyPr/>
        <a:lstStyle/>
        <a:p>
          <a:endParaRPr lang="zh-CN" altLang="en-US"/>
        </a:p>
      </dgm:t>
    </dgm:pt>
    <dgm:pt modelId="{3D1F172F-F07E-457F-AE26-A0FC4F43CA3B}">
      <dgm:prSet phldrT="[文本]"/>
      <dgm:spPr/>
      <dgm:t>
        <a:bodyPr/>
        <a:lstStyle/>
        <a:p>
          <a:r>
            <a:rPr lang="zh-CN" altLang="en-US" dirty="0"/>
            <a:t>非连续幕墙</a:t>
          </a:r>
        </a:p>
      </dgm:t>
    </dgm:pt>
    <dgm:pt modelId="{51A538C8-50BE-498F-9FD0-EB5DBA98AB24}" type="parTrans" cxnId="{79CB7921-7137-4CC9-B4B7-303DEBC70E78}">
      <dgm:prSet/>
      <dgm:spPr/>
      <dgm:t>
        <a:bodyPr/>
        <a:lstStyle/>
        <a:p>
          <a:endParaRPr lang="zh-CN" altLang="en-US"/>
        </a:p>
      </dgm:t>
    </dgm:pt>
    <dgm:pt modelId="{C2981AFE-D01E-4169-9DDF-1A4CDF0AF140}" type="sibTrans" cxnId="{79CB7921-7137-4CC9-B4B7-303DEBC70E78}">
      <dgm:prSet/>
      <dgm:spPr/>
      <dgm:t>
        <a:bodyPr/>
        <a:lstStyle/>
        <a:p>
          <a:endParaRPr lang="zh-CN" altLang="en-US"/>
        </a:p>
      </dgm:t>
    </dgm:pt>
    <dgm:pt modelId="{68BCDBD8-BD57-4960-9AC2-B877BB796845}">
      <dgm:prSet phldrT="[文本]"/>
      <dgm:spPr/>
      <dgm:t>
        <a:bodyPr/>
        <a:lstStyle/>
        <a:p>
          <a:r>
            <a:rPr lang="zh-CN" altLang="en-US" dirty="0"/>
            <a:t>楼板上部</a:t>
          </a:r>
        </a:p>
      </dgm:t>
    </dgm:pt>
    <dgm:pt modelId="{A60FB235-EA2D-482A-86AC-EDE66BCC3F57}" type="parTrans" cxnId="{253E0468-F0D7-4280-AE2F-D2AFA9DE24AD}">
      <dgm:prSet/>
      <dgm:spPr/>
      <dgm:t>
        <a:bodyPr/>
        <a:lstStyle/>
        <a:p>
          <a:endParaRPr lang="zh-CN" altLang="en-US"/>
        </a:p>
      </dgm:t>
    </dgm:pt>
    <dgm:pt modelId="{B048DD13-1121-4D71-9196-7F9116C6D0F3}" type="sibTrans" cxnId="{253E0468-F0D7-4280-AE2F-D2AFA9DE24AD}">
      <dgm:prSet/>
      <dgm:spPr/>
      <dgm:t>
        <a:bodyPr/>
        <a:lstStyle/>
        <a:p>
          <a:endParaRPr lang="zh-CN" altLang="en-US"/>
        </a:p>
      </dgm:t>
    </dgm:pt>
    <dgm:pt modelId="{68A5D1E6-41DD-466F-A1F8-1C0E1397171A}">
      <dgm:prSet phldrT="[文本]"/>
      <dgm:spPr/>
      <dgm:t>
        <a:bodyPr/>
        <a:lstStyle/>
        <a:p>
          <a:r>
            <a:rPr lang="zh-CN" altLang="en-US" dirty="0"/>
            <a:t>顶埋</a:t>
          </a:r>
        </a:p>
      </dgm:t>
    </dgm:pt>
    <dgm:pt modelId="{1710E1C2-9707-4CA5-A788-2188F4AA447F}" type="parTrans" cxnId="{C82607B5-9505-40FD-8FA9-F1B8B31D9876}">
      <dgm:prSet/>
      <dgm:spPr/>
      <dgm:t>
        <a:bodyPr/>
        <a:lstStyle/>
        <a:p>
          <a:endParaRPr lang="zh-CN" altLang="en-US"/>
        </a:p>
      </dgm:t>
    </dgm:pt>
    <dgm:pt modelId="{4EDC091F-B5BC-47A5-8278-F57FC2FD08F0}" type="sibTrans" cxnId="{C82607B5-9505-40FD-8FA9-F1B8B31D9876}">
      <dgm:prSet/>
      <dgm:spPr/>
      <dgm:t>
        <a:bodyPr/>
        <a:lstStyle/>
        <a:p>
          <a:endParaRPr lang="zh-CN" altLang="en-US"/>
        </a:p>
      </dgm:t>
    </dgm:pt>
    <dgm:pt modelId="{62C32797-1A01-479D-A26E-6867F3DDAF10}">
      <dgm:prSet phldrT="[文本]"/>
      <dgm:spPr/>
      <dgm:t>
        <a:bodyPr/>
        <a:lstStyle/>
        <a:p>
          <a:r>
            <a:rPr lang="zh-CN" altLang="en-US" u="sng" dirty="0">
              <a:solidFill>
                <a:srgbClr val="FFC000"/>
              </a:solidFill>
            </a:rPr>
            <a:t>当前幕墙线</a:t>
          </a:r>
          <a:r>
            <a:rPr lang="zh-CN" altLang="en-US" dirty="0"/>
            <a:t>在</a:t>
          </a:r>
          <a:r>
            <a:rPr lang="zh-CN" altLang="en-US" u="sng" dirty="0">
              <a:solidFill>
                <a:schemeClr val="accent3">
                  <a:lumMod val="100000"/>
                </a:schemeClr>
              </a:solidFill>
            </a:rPr>
            <a:t>楼板线</a:t>
          </a:r>
          <a:r>
            <a:rPr lang="zh-CN" altLang="en-US" dirty="0"/>
            <a:t>内侧</a:t>
          </a:r>
        </a:p>
      </dgm:t>
    </dgm:pt>
    <dgm:pt modelId="{B1994A56-56DF-429E-848B-E856EDBE1024}" type="parTrans" cxnId="{AA509164-2870-4D69-8EBF-D5A4A5E47C65}">
      <dgm:prSet/>
      <dgm:spPr/>
      <dgm:t>
        <a:bodyPr/>
        <a:lstStyle/>
        <a:p>
          <a:endParaRPr lang="zh-CN" altLang="en-US"/>
        </a:p>
      </dgm:t>
    </dgm:pt>
    <dgm:pt modelId="{416DA56D-CE16-4345-B45A-768EC313AA4C}" type="sibTrans" cxnId="{AA509164-2870-4D69-8EBF-D5A4A5E47C65}">
      <dgm:prSet/>
      <dgm:spPr/>
      <dgm:t>
        <a:bodyPr/>
        <a:lstStyle/>
        <a:p>
          <a:endParaRPr lang="zh-CN" altLang="en-US"/>
        </a:p>
      </dgm:t>
    </dgm:pt>
    <dgm:pt modelId="{D0229125-0157-400D-BDB2-166D756E0509}">
      <dgm:prSet phldrT="[文本]"/>
      <dgm:spPr/>
      <dgm:t>
        <a:bodyPr/>
        <a:lstStyle/>
        <a:p>
          <a:r>
            <a:rPr lang="zh-CN" altLang="en-US" dirty="0"/>
            <a:t>楼板下部</a:t>
          </a:r>
        </a:p>
      </dgm:t>
    </dgm:pt>
    <dgm:pt modelId="{B49424B0-4ECD-49D7-B3EA-FF1BD8A934E6}" type="parTrans" cxnId="{F0183D4D-0B2F-4F40-9990-2AD2FBD86E1A}">
      <dgm:prSet/>
      <dgm:spPr/>
      <dgm:t>
        <a:bodyPr/>
        <a:lstStyle/>
        <a:p>
          <a:endParaRPr lang="zh-CN" altLang="en-US"/>
        </a:p>
      </dgm:t>
    </dgm:pt>
    <dgm:pt modelId="{AC0AD9BE-4954-47E5-B342-DA678B46E271}" type="sibTrans" cxnId="{F0183D4D-0B2F-4F40-9990-2AD2FBD86E1A}">
      <dgm:prSet/>
      <dgm:spPr/>
      <dgm:t>
        <a:bodyPr/>
        <a:lstStyle/>
        <a:p>
          <a:endParaRPr lang="zh-CN" altLang="en-US"/>
        </a:p>
      </dgm:t>
    </dgm:pt>
    <dgm:pt modelId="{2C16B563-A442-43AB-A2EE-1EF85197244C}">
      <dgm:prSet phldrT="[文本]"/>
      <dgm:spPr/>
      <dgm:t>
        <a:bodyPr/>
        <a:lstStyle/>
        <a:p>
          <a:r>
            <a:rPr lang="zh-CN" altLang="en-US" b="1" u="sng" dirty="0">
              <a:solidFill>
                <a:srgbClr val="1E9BD7"/>
              </a:solidFill>
            </a:rPr>
            <a:t>有檐口线范围</a:t>
          </a:r>
        </a:p>
      </dgm:t>
    </dgm:pt>
    <dgm:pt modelId="{EBB2A6C9-CB0A-4C33-A8B9-44DE0A5515DB}" type="parTrans" cxnId="{2214A5A0-72CD-4751-AF61-D9A756BCE5FE}">
      <dgm:prSet/>
      <dgm:spPr/>
      <dgm:t>
        <a:bodyPr/>
        <a:lstStyle/>
        <a:p>
          <a:endParaRPr lang="zh-CN" altLang="en-US"/>
        </a:p>
      </dgm:t>
    </dgm:pt>
    <dgm:pt modelId="{68F56441-5158-4A22-BC78-CD1BC144462A}" type="sibTrans" cxnId="{2214A5A0-72CD-4751-AF61-D9A756BCE5FE}">
      <dgm:prSet/>
      <dgm:spPr/>
      <dgm:t>
        <a:bodyPr/>
        <a:lstStyle/>
        <a:p>
          <a:endParaRPr lang="zh-CN" altLang="en-US"/>
        </a:p>
      </dgm:t>
    </dgm:pt>
    <dgm:pt modelId="{4F2ECD47-7C08-4377-B59A-4A96A4C650E2}">
      <dgm:prSet phldrT="[文本]"/>
      <dgm:spPr/>
      <dgm:t>
        <a:bodyPr/>
        <a:lstStyle/>
        <a:p>
          <a:r>
            <a:rPr lang="zh-CN" altLang="en-US" dirty="0"/>
            <a:t>无檐口线范围</a:t>
          </a:r>
        </a:p>
      </dgm:t>
    </dgm:pt>
    <dgm:pt modelId="{8930C5BE-02A2-40AC-964D-7C47974F727D}" type="parTrans" cxnId="{2D5A480B-6D59-4981-9735-80A42C596663}">
      <dgm:prSet/>
      <dgm:spPr/>
      <dgm:t>
        <a:bodyPr/>
        <a:lstStyle/>
        <a:p>
          <a:endParaRPr lang="zh-CN" altLang="en-US"/>
        </a:p>
      </dgm:t>
    </dgm:pt>
    <dgm:pt modelId="{06B5DB34-BE6F-46C5-9101-15666382F70E}" type="sibTrans" cxnId="{2D5A480B-6D59-4981-9735-80A42C596663}">
      <dgm:prSet/>
      <dgm:spPr/>
      <dgm:t>
        <a:bodyPr/>
        <a:lstStyle/>
        <a:p>
          <a:endParaRPr lang="zh-CN" altLang="en-US"/>
        </a:p>
      </dgm:t>
    </dgm:pt>
    <dgm:pt modelId="{76B2D4FA-070B-4D47-97B6-231B850D0449}">
      <dgm:prSet phldrT="[文本]"/>
      <dgm:spPr/>
      <dgm:t>
        <a:bodyPr/>
        <a:lstStyle/>
        <a:p>
          <a:r>
            <a:rPr lang="zh-CN" altLang="en-US" u="sng" dirty="0">
              <a:solidFill>
                <a:srgbClr val="FFC000"/>
              </a:solidFill>
            </a:rPr>
            <a:t>当前幕墙线</a:t>
          </a:r>
          <a:r>
            <a:rPr lang="zh-CN" altLang="en-US" dirty="0"/>
            <a:t>在</a:t>
          </a:r>
          <a:r>
            <a:rPr lang="zh-CN" altLang="en-US" u="sng" dirty="0">
              <a:solidFill>
                <a:schemeClr val="accent3">
                  <a:lumMod val="100000"/>
                </a:schemeClr>
              </a:solidFill>
            </a:rPr>
            <a:t>楼板线</a:t>
          </a:r>
          <a:r>
            <a:rPr lang="zh-CN" altLang="en-US" dirty="0"/>
            <a:t>外侧</a:t>
          </a:r>
        </a:p>
      </dgm:t>
    </dgm:pt>
    <dgm:pt modelId="{C8B1B5AC-2DBC-4979-8673-851F1DDEE10F}" type="parTrans" cxnId="{49DF90A7-1C95-41B6-A42B-65D1C79426DF}">
      <dgm:prSet/>
      <dgm:spPr/>
      <dgm:t>
        <a:bodyPr/>
        <a:lstStyle/>
        <a:p>
          <a:endParaRPr lang="zh-CN" altLang="en-US"/>
        </a:p>
      </dgm:t>
    </dgm:pt>
    <dgm:pt modelId="{4096373F-8A25-4F26-945F-100E8FF0482E}" type="sibTrans" cxnId="{49DF90A7-1C95-41B6-A42B-65D1C79426DF}">
      <dgm:prSet/>
      <dgm:spPr/>
      <dgm:t>
        <a:bodyPr/>
        <a:lstStyle/>
        <a:p>
          <a:endParaRPr lang="zh-CN" altLang="en-US"/>
        </a:p>
      </dgm:t>
    </dgm:pt>
    <dgm:pt modelId="{6456ECAE-13B6-4CFE-85CD-85F266F65D99}">
      <dgm:prSet phldrT="[文本]"/>
      <dgm:spPr>
        <a:solidFill>
          <a:srgbClr val="E66E23"/>
        </a:solidFill>
      </dgm:spPr>
      <dgm:t>
        <a:bodyPr/>
        <a:lstStyle/>
        <a:p>
          <a:r>
            <a:rPr lang="zh-CN" altLang="en-US" dirty="0"/>
            <a:t>以</a:t>
          </a:r>
          <a:r>
            <a:rPr lang="zh-CN" altLang="en-US" u="sng" dirty="0">
              <a:solidFill>
                <a:srgbClr val="FFC000"/>
              </a:solidFill>
            </a:rPr>
            <a:t>当前幕墙线</a:t>
          </a:r>
          <a:r>
            <a:rPr lang="zh-CN" altLang="en-US" dirty="0"/>
            <a:t>作为埋件定位边线</a:t>
          </a:r>
        </a:p>
      </dgm:t>
    </dgm:pt>
    <dgm:pt modelId="{B32E1B73-D5ED-461A-91BA-69C5B8DD29C2}" type="parTrans" cxnId="{517E1440-E025-411F-BB1C-6C4E60BC8FEB}">
      <dgm:prSet/>
      <dgm:spPr>
        <a:ln w="12700" cap="flat" cmpd="sng" algn="ctr">
          <a:solidFill>
            <a:srgbClr val="E66E23"/>
          </a:solidFill>
          <a:prstDash val="solid"/>
          <a:miter lim="800000"/>
          <a:headEnd type="none" w="med" len="med"/>
          <a:tailEnd type="none" w="med" len="med"/>
        </a:ln>
      </dgm:spPr>
      <dgm:t>
        <a:bodyPr/>
        <a:lstStyle/>
        <a:p>
          <a:endParaRPr lang="zh-CN" altLang="en-US"/>
        </a:p>
      </dgm:t>
    </dgm:pt>
    <dgm:pt modelId="{30F94DC1-BF39-4EFC-9B33-F50227C3E4EE}" type="sibTrans" cxnId="{517E1440-E025-411F-BB1C-6C4E60BC8FEB}">
      <dgm:prSet/>
      <dgm:spPr/>
      <dgm:t>
        <a:bodyPr/>
        <a:lstStyle/>
        <a:p>
          <a:endParaRPr lang="zh-CN" altLang="en-US"/>
        </a:p>
      </dgm:t>
    </dgm:pt>
    <dgm:pt modelId="{7B5CFB0D-43B9-49C5-AD0E-62476CD56D3A}">
      <dgm:prSet phldrT="[文本]"/>
      <dgm:spPr>
        <a:solidFill>
          <a:srgbClr val="E66E23"/>
        </a:solidFill>
      </dgm:spPr>
      <dgm:t>
        <a:bodyPr/>
        <a:lstStyle/>
        <a:p>
          <a:r>
            <a:rPr lang="zh-CN" altLang="en-US" u="sng" dirty="0">
              <a:solidFill>
                <a:schemeClr val="accent3">
                  <a:lumMod val="100000"/>
                </a:schemeClr>
              </a:solidFill>
            </a:rPr>
            <a:t>楼板线</a:t>
          </a:r>
          <a:r>
            <a:rPr lang="zh-CN" altLang="en-US" dirty="0"/>
            <a:t>作为埋件定位边线</a:t>
          </a:r>
        </a:p>
      </dgm:t>
    </dgm:pt>
    <dgm:pt modelId="{AF3F9D5E-F51C-4959-82F1-DEF866EC5B30}" type="parTrans" cxnId="{26F4B43D-C8E6-4997-9150-FC8A479BDA3A}">
      <dgm:prSet/>
      <dgm:spPr>
        <a:ln w="12700" cap="flat" cmpd="sng" algn="ctr">
          <a:solidFill>
            <a:srgbClr val="E66E23"/>
          </a:solidFill>
          <a:prstDash val="solid"/>
          <a:miter lim="800000"/>
          <a:headEnd type="none" w="med" len="med"/>
          <a:tailEnd type="none" w="med" len="med"/>
        </a:ln>
      </dgm:spPr>
      <dgm:t>
        <a:bodyPr/>
        <a:lstStyle/>
        <a:p>
          <a:endParaRPr lang="zh-CN" altLang="en-US"/>
        </a:p>
      </dgm:t>
    </dgm:pt>
    <dgm:pt modelId="{9267A36F-C0C9-4ABC-9C9E-970C7D670D8E}" type="sibTrans" cxnId="{26F4B43D-C8E6-4997-9150-FC8A479BDA3A}">
      <dgm:prSet/>
      <dgm:spPr/>
      <dgm:t>
        <a:bodyPr/>
        <a:lstStyle/>
        <a:p>
          <a:endParaRPr lang="zh-CN" altLang="en-US"/>
        </a:p>
      </dgm:t>
    </dgm:pt>
    <dgm:pt modelId="{2A7D9905-E843-4B30-9330-3695DD8AB9E6}">
      <dgm:prSet phldrT="[文本]"/>
      <dgm:spPr>
        <a:solidFill>
          <a:srgbClr val="50697D"/>
        </a:solidFill>
        <a:ln w="19050" cap="flat" cmpd="sng" algn="ctr">
          <a:solidFill>
            <a:srgbClr val="50697D"/>
          </a:solidFill>
          <a:prstDash val="solid"/>
          <a:miter lim="800000"/>
          <a:headEnd type="none" w="med" len="med"/>
          <a:tailEnd type="none" w="med" len="med"/>
        </a:ln>
      </dgm:spPr>
      <dgm:t>
        <a:bodyPr/>
        <a:lstStyle/>
        <a:p>
          <a:r>
            <a:rPr lang="zh-CN" altLang="en-US" dirty="0"/>
            <a:t>侧埋</a:t>
          </a:r>
        </a:p>
      </dgm:t>
    </dgm:pt>
    <dgm:pt modelId="{C09596DD-93F8-42B5-9D46-A833D5139C75}" type="parTrans" cxnId="{88F34821-E7DB-46EE-A74D-FA83BCAAD57C}">
      <dgm:prSet/>
      <dgm:spPr/>
      <dgm:t>
        <a:bodyPr/>
        <a:lstStyle/>
        <a:p>
          <a:endParaRPr lang="zh-CN" altLang="en-US"/>
        </a:p>
      </dgm:t>
    </dgm:pt>
    <dgm:pt modelId="{E1C3FD31-0841-44E3-8F41-334CA1FE2D96}" type="sibTrans" cxnId="{88F34821-E7DB-46EE-A74D-FA83BCAAD57C}">
      <dgm:prSet/>
      <dgm:spPr/>
      <dgm:t>
        <a:bodyPr/>
        <a:lstStyle/>
        <a:p>
          <a:endParaRPr lang="zh-CN" altLang="en-US"/>
        </a:p>
      </dgm:t>
    </dgm:pt>
    <dgm:pt modelId="{54BC6178-8F0B-4BF2-869E-7CA25F1D52D9}">
      <dgm:prSet phldrT="[文本]"/>
      <dgm:spPr>
        <a:solidFill>
          <a:srgbClr val="50697D"/>
        </a:solidFill>
        <a:ln w="19050" cap="flat" cmpd="sng" algn="ctr">
          <a:solidFill>
            <a:srgbClr val="50697D"/>
          </a:solidFill>
          <a:prstDash val="solid"/>
          <a:miter lim="800000"/>
          <a:headEnd type="none" w="med" len="med"/>
          <a:tailEnd type="none" w="med" len="med"/>
        </a:ln>
      </dgm:spPr>
      <dgm:t>
        <a:bodyPr/>
        <a:lstStyle/>
        <a:p>
          <a:r>
            <a:rPr lang="zh-CN" altLang="en-US" u="sng" dirty="0">
              <a:solidFill>
                <a:schemeClr val="accent5">
                  <a:lumMod val="100000"/>
                </a:schemeClr>
              </a:solidFill>
            </a:rPr>
            <a:t>下层幕墙线</a:t>
          </a:r>
          <a:r>
            <a:rPr lang="zh-CN" altLang="en-US" dirty="0"/>
            <a:t>与钢结构线进行范围判定</a:t>
          </a:r>
        </a:p>
      </dgm:t>
    </dgm:pt>
    <dgm:pt modelId="{37C84E28-16D3-4B61-B56C-B112FFD823E9}" type="parTrans" cxnId="{A8ED2859-F6DB-4F2F-B4DF-09494FF7A955}">
      <dgm:prSet/>
      <dgm:spPr/>
      <dgm:t>
        <a:bodyPr/>
        <a:lstStyle/>
        <a:p>
          <a:endParaRPr lang="zh-CN" altLang="en-US"/>
        </a:p>
      </dgm:t>
    </dgm:pt>
    <dgm:pt modelId="{C83FB0EB-97D8-4248-9E9A-DA2BD404E431}" type="sibTrans" cxnId="{A8ED2859-F6DB-4F2F-B4DF-09494FF7A955}">
      <dgm:prSet/>
      <dgm:spPr/>
      <dgm:t>
        <a:bodyPr/>
        <a:lstStyle/>
        <a:p>
          <a:endParaRPr lang="zh-CN" altLang="en-US"/>
        </a:p>
      </dgm:t>
    </dgm:pt>
    <dgm:pt modelId="{1EB2A3EB-FEFE-40C4-B3EF-22631239BD35}" type="pres">
      <dgm:prSet presAssocID="{4F2D170A-2230-4717-8FAB-E314178BC0D4}" presName="diagram" presStyleCnt="0">
        <dgm:presLayoutVars>
          <dgm:chPref val="1"/>
          <dgm:dir/>
          <dgm:animOne val="branch"/>
          <dgm:animLvl val="lvl"/>
          <dgm:resizeHandles val="exact"/>
        </dgm:presLayoutVars>
      </dgm:prSet>
      <dgm:spPr/>
    </dgm:pt>
    <dgm:pt modelId="{9D031488-1F37-44F3-9874-EC84724D6B7F}" type="pres">
      <dgm:prSet presAssocID="{3D1F172F-F07E-457F-AE26-A0FC4F43CA3B}" presName="root1" presStyleCnt="0"/>
      <dgm:spPr/>
    </dgm:pt>
    <dgm:pt modelId="{E3E74449-F182-4638-83F6-66CB1693A8D5}" type="pres">
      <dgm:prSet presAssocID="{3D1F172F-F07E-457F-AE26-A0FC4F43CA3B}" presName="LevelOneTextNode" presStyleLbl="node0" presStyleIdx="0" presStyleCnt="1" custLinFactNeighborX="0">
        <dgm:presLayoutVars>
          <dgm:chPref val="3"/>
        </dgm:presLayoutVars>
      </dgm:prSet>
      <dgm:spPr/>
    </dgm:pt>
    <dgm:pt modelId="{621F5554-8004-4435-BE0F-A5BDCFB8C942}" type="pres">
      <dgm:prSet presAssocID="{3D1F172F-F07E-457F-AE26-A0FC4F43CA3B}" presName="level2hierChild" presStyleCnt="0"/>
      <dgm:spPr/>
    </dgm:pt>
    <dgm:pt modelId="{1862C669-409A-48F9-A137-CF342F475261}" type="pres">
      <dgm:prSet presAssocID="{A60FB235-EA2D-482A-86AC-EDE66BCC3F57}" presName="conn2-1" presStyleLbl="parChTrans1D2" presStyleIdx="0" presStyleCnt="2"/>
      <dgm:spPr/>
    </dgm:pt>
    <dgm:pt modelId="{45C57621-BF29-471F-BB75-396BA710ED10}" type="pres">
      <dgm:prSet presAssocID="{A60FB235-EA2D-482A-86AC-EDE66BCC3F57}" presName="connTx" presStyleLbl="parChTrans1D2" presStyleIdx="0" presStyleCnt="2"/>
      <dgm:spPr/>
    </dgm:pt>
    <dgm:pt modelId="{3E61628F-F31D-4C6E-BDA0-91D0924FEA8D}" type="pres">
      <dgm:prSet presAssocID="{68BCDBD8-BD57-4960-9AC2-B877BB796845}" presName="root2" presStyleCnt="0"/>
      <dgm:spPr/>
    </dgm:pt>
    <dgm:pt modelId="{7FEF96DE-51B9-4DBD-B518-51337D84B3F6}" type="pres">
      <dgm:prSet presAssocID="{68BCDBD8-BD57-4960-9AC2-B877BB796845}" presName="LevelTwoTextNode" presStyleLbl="node2" presStyleIdx="0" presStyleCnt="2">
        <dgm:presLayoutVars>
          <dgm:chPref val="3"/>
        </dgm:presLayoutVars>
      </dgm:prSet>
      <dgm:spPr/>
    </dgm:pt>
    <dgm:pt modelId="{DFF47C72-154F-485D-8490-7A69FA309343}" type="pres">
      <dgm:prSet presAssocID="{68BCDBD8-BD57-4960-9AC2-B877BB796845}" presName="level3hierChild" presStyleCnt="0"/>
      <dgm:spPr/>
    </dgm:pt>
    <dgm:pt modelId="{60B0F4BE-CDA5-4394-B879-CBFCA53E3715}" type="pres">
      <dgm:prSet presAssocID="{1710E1C2-9707-4CA5-A788-2188F4AA447F}" presName="conn2-1" presStyleLbl="parChTrans1D3" presStyleIdx="0" presStyleCnt="3"/>
      <dgm:spPr/>
    </dgm:pt>
    <dgm:pt modelId="{B9DDCE43-AE3A-4476-8C83-B0DA7A0A2B0D}" type="pres">
      <dgm:prSet presAssocID="{1710E1C2-9707-4CA5-A788-2188F4AA447F}" presName="connTx" presStyleLbl="parChTrans1D3" presStyleIdx="0" presStyleCnt="3"/>
      <dgm:spPr/>
    </dgm:pt>
    <dgm:pt modelId="{4D7B607D-1B7D-4A96-8E67-B84AA2B32D67}" type="pres">
      <dgm:prSet presAssocID="{68A5D1E6-41DD-466F-A1F8-1C0E1397171A}" presName="root2" presStyleCnt="0"/>
      <dgm:spPr/>
    </dgm:pt>
    <dgm:pt modelId="{70EA741F-0DB5-4E19-8CED-2A4F6CD54DE3}" type="pres">
      <dgm:prSet presAssocID="{68A5D1E6-41DD-466F-A1F8-1C0E1397171A}" presName="LevelTwoTextNode" presStyleLbl="node3" presStyleIdx="0" presStyleCnt="3">
        <dgm:presLayoutVars>
          <dgm:chPref val="3"/>
        </dgm:presLayoutVars>
      </dgm:prSet>
      <dgm:spPr/>
    </dgm:pt>
    <dgm:pt modelId="{6CFE2A7E-9D6C-45F4-8871-07D818CC7A7A}" type="pres">
      <dgm:prSet presAssocID="{68A5D1E6-41DD-466F-A1F8-1C0E1397171A}" presName="level3hierChild" presStyleCnt="0"/>
      <dgm:spPr/>
    </dgm:pt>
    <dgm:pt modelId="{9F07E69A-652F-431B-8CFF-E915AB75EF14}" type="pres">
      <dgm:prSet presAssocID="{B1994A56-56DF-429E-848B-E856EDBE1024}" presName="conn2-1" presStyleLbl="parChTrans1D4" presStyleIdx="0" presStyleCnt="6"/>
      <dgm:spPr/>
    </dgm:pt>
    <dgm:pt modelId="{68B637F8-E81F-4E4D-8A52-ABDA70CCFCB3}" type="pres">
      <dgm:prSet presAssocID="{B1994A56-56DF-429E-848B-E856EDBE1024}" presName="connTx" presStyleLbl="parChTrans1D4" presStyleIdx="0" presStyleCnt="6"/>
      <dgm:spPr/>
    </dgm:pt>
    <dgm:pt modelId="{68489243-A57E-40A5-B37D-DA3EDED5175C}" type="pres">
      <dgm:prSet presAssocID="{62C32797-1A01-479D-A26E-6867F3DDAF10}" presName="root2" presStyleCnt="0"/>
      <dgm:spPr/>
    </dgm:pt>
    <dgm:pt modelId="{49F92A84-E5D6-445C-94FF-FEB576E2AA59}" type="pres">
      <dgm:prSet presAssocID="{62C32797-1A01-479D-A26E-6867F3DDAF10}" presName="LevelTwoTextNode" presStyleLbl="node4" presStyleIdx="0" presStyleCnt="6" custScaleX="243758">
        <dgm:presLayoutVars>
          <dgm:chPref val="3"/>
        </dgm:presLayoutVars>
      </dgm:prSet>
      <dgm:spPr/>
    </dgm:pt>
    <dgm:pt modelId="{18B558CD-6D9B-48CC-BDBC-1B5A32779CC4}" type="pres">
      <dgm:prSet presAssocID="{62C32797-1A01-479D-A26E-6867F3DDAF10}" presName="level3hierChild" presStyleCnt="0"/>
      <dgm:spPr/>
    </dgm:pt>
    <dgm:pt modelId="{E5430BCC-904B-4086-B74D-E2AA6B8CBFD8}" type="pres">
      <dgm:prSet presAssocID="{B32E1B73-D5ED-461A-91BA-69C5B8DD29C2}" presName="conn2-1" presStyleLbl="parChTrans1D4" presStyleIdx="1" presStyleCnt="6"/>
      <dgm:spPr/>
    </dgm:pt>
    <dgm:pt modelId="{FE3DB5E1-2A0D-43C9-947D-DDC6783F970D}" type="pres">
      <dgm:prSet presAssocID="{B32E1B73-D5ED-461A-91BA-69C5B8DD29C2}" presName="connTx" presStyleLbl="parChTrans1D4" presStyleIdx="1" presStyleCnt="6"/>
      <dgm:spPr/>
    </dgm:pt>
    <dgm:pt modelId="{2AB37ECC-10D0-42F7-9BB9-F97D6D5F3C6C}" type="pres">
      <dgm:prSet presAssocID="{6456ECAE-13B6-4CFE-85CD-85F266F65D99}" presName="root2" presStyleCnt="0"/>
      <dgm:spPr/>
    </dgm:pt>
    <dgm:pt modelId="{5204269F-8B25-4F1F-9247-637EA273368A}" type="pres">
      <dgm:prSet presAssocID="{6456ECAE-13B6-4CFE-85CD-85F266F65D99}" presName="LevelTwoTextNode" presStyleLbl="node4" presStyleIdx="1" presStyleCnt="6" custScaleX="234044">
        <dgm:presLayoutVars>
          <dgm:chPref val="3"/>
        </dgm:presLayoutVars>
      </dgm:prSet>
      <dgm:spPr/>
    </dgm:pt>
    <dgm:pt modelId="{6D06A2F9-3EBA-40C6-AB03-F67DBF38BD95}" type="pres">
      <dgm:prSet presAssocID="{6456ECAE-13B6-4CFE-85CD-85F266F65D99}" presName="level3hierChild" presStyleCnt="0"/>
      <dgm:spPr/>
    </dgm:pt>
    <dgm:pt modelId="{24A46E38-82A1-40EE-99DB-2AB247E1639B}" type="pres">
      <dgm:prSet presAssocID="{C8B1B5AC-2DBC-4979-8673-851F1DDEE10F}" presName="conn2-1" presStyleLbl="parChTrans1D4" presStyleIdx="2" presStyleCnt="6"/>
      <dgm:spPr/>
    </dgm:pt>
    <dgm:pt modelId="{86CC5CDB-CF36-4CD9-84B6-029B65C1236C}" type="pres">
      <dgm:prSet presAssocID="{C8B1B5AC-2DBC-4979-8673-851F1DDEE10F}" presName="connTx" presStyleLbl="parChTrans1D4" presStyleIdx="2" presStyleCnt="6"/>
      <dgm:spPr/>
    </dgm:pt>
    <dgm:pt modelId="{0994F7FE-4BB2-4176-81E9-540CA49CC273}" type="pres">
      <dgm:prSet presAssocID="{76B2D4FA-070B-4D47-97B6-231B850D0449}" presName="root2" presStyleCnt="0"/>
      <dgm:spPr/>
    </dgm:pt>
    <dgm:pt modelId="{E5698EC7-758A-4B93-A039-FB02D78B2156}" type="pres">
      <dgm:prSet presAssocID="{76B2D4FA-070B-4D47-97B6-231B850D0449}" presName="LevelTwoTextNode" presStyleLbl="node4" presStyleIdx="2" presStyleCnt="6" custScaleX="243758">
        <dgm:presLayoutVars>
          <dgm:chPref val="3"/>
        </dgm:presLayoutVars>
      </dgm:prSet>
      <dgm:spPr/>
    </dgm:pt>
    <dgm:pt modelId="{5DEF2610-B854-4E39-8464-D69CBAB490D9}" type="pres">
      <dgm:prSet presAssocID="{76B2D4FA-070B-4D47-97B6-231B850D0449}" presName="level3hierChild" presStyleCnt="0"/>
      <dgm:spPr/>
    </dgm:pt>
    <dgm:pt modelId="{B436763A-A01B-4AEE-865B-A4E6D8E5A28F}" type="pres">
      <dgm:prSet presAssocID="{AF3F9D5E-F51C-4959-82F1-DEF866EC5B30}" presName="conn2-1" presStyleLbl="parChTrans1D4" presStyleIdx="3" presStyleCnt="6"/>
      <dgm:spPr/>
    </dgm:pt>
    <dgm:pt modelId="{36ECBD96-51C9-4B04-9924-4176C3C81889}" type="pres">
      <dgm:prSet presAssocID="{AF3F9D5E-F51C-4959-82F1-DEF866EC5B30}" presName="connTx" presStyleLbl="parChTrans1D4" presStyleIdx="3" presStyleCnt="6"/>
      <dgm:spPr/>
    </dgm:pt>
    <dgm:pt modelId="{CAB835C7-EAE3-4CB1-B3E3-96206E4F5464}" type="pres">
      <dgm:prSet presAssocID="{7B5CFB0D-43B9-49C5-AD0E-62476CD56D3A}" presName="root2" presStyleCnt="0"/>
      <dgm:spPr/>
    </dgm:pt>
    <dgm:pt modelId="{03B50F59-8FBB-4493-A598-07350C2A8BB7}" type="pres">
      <dgm:prSet presAssocID="{7B5CFB0D-43B9-49C5-AD0E-62476CD56D3A}" presName="LevelTwoTextNode" presStyleLbl="node4" presStyleIdx="3" presStyleCnt="6" custScaleX="234044">
        <dgm:presLayoutVars>
          <dgm:chPref val="3"/>
        </dgm:presLayoutVars>
      </dgm:prSet>
      <dgm:spPr/>
    </dgm:pt>
    <dgm:pt modelId="{EFF6AA57-1EFB-408C-A455-2A890700574C}" type="pres">
      <dgm:prSet presAssocID="{7B5CFB0D-43B9-49C5-AD0E-62476CD56D3A}" presName="level3hierChild" presStyleCnt="0"/>
      <dgm:spPr/>
    </dgm:pt>
    <dgm:pt modelId="{5D92F601-FF70-4BD8-A855-C531D7A570DE}" type="pres">
      <dgm:prSet presAssocID="{B49424B0-4ECD-49D7-B3EA-FF1BD8A934E6}" presName="conn2-1" presStyleLbl="parChTrans1D2" presStyleIdx="1" presStyleCnt="2"/>
      <dgm:spPr/>
    </dgm:pt>
    <dgm:pt modelId="{21B5600D-B903-49BD-AFC4-3A51C9F7DB4E}" type="pres">
      <dgm:prSet presAssocID="{B49424B0-4ECD-49D7-B3EA-FF1BD8A934E6}" presName="connTx" presStyleLbl="parChTrans1D2" presStyleIdx="1" presStyleCnt="2"/>
      <dgm:spPr/>
    </dgm:pt>
    <dgm:pt modelId="{465C8D01-6FED-48E7-B8DC-5BD89EC63DB4}" type="pres">
      <dgm:prSet presAssocID="{D0229125-0157-400D-BDB2-166D756E0509}" presName="root2" presStyleCnt="0"/>
      <dgm:spPr/>
    </dgm:pt>
    <dgm:pt modelId="{E33139FB-46F1-41FB-BBA3-A122C6359C5A}" type="pres">
      <dgm:prSet presAssocID="{D0229125-0157-400D-BDB2-166D756E0509}" presName="LevelTwoTextNode" presStyleLbl="node2" presStyleIdx="1" presStyleCnt="2">
        <dgm:presLayoutVars>
          <dgm:chPref val="3"/>
        </dgm:presLayoutVars>
      </dgm:prSet>
      <dgm:spPr/>
    </dgm:pt>
    <dgm:pt modelId="{01EEB0DF-1158-4BC8-B8C2-2DC4C38FF609}" type="pres">
      <dgm:prSet presAssocID="{D0229125-0157-400D-BDB2-166D756E0509}" presName="level3hierChild" presStyleCnt="0"/>
      <dgm:spPr/>
    </dgm:pt>
    <dgm:pt modelId="{9F920CB1-3FE3-4352-B3CF-256F562C7A47}" type="pres">
      <dgm:prSet presAssocID="{EBB2A6C9-CB0A-4C33-A8B9-44DE0A5515DB}" presName="conn2-1" presStyleLbl="parChTrans1D3" presStyleIdx="1" presStyleCnt="3"/>
      <dgm:spPr/>
    </dgm:pt>
    <dgm:pt modelId="{0AFE4A20-AB7A-4A50-8254-F9852D073002}" type="pres">
      <dgm:prSet presAssocID="{EBB2A6C9-CB0A-4C33-A8B9-44DE0A5515DB}" presName="connTx" presStyleLbl="parChTrans1D3" presStyleIdx="1" presStyleCnt="3"/>
      <dgm:spPr/>
    </dgm:pt>
    <dgm:pt modelId="{5C5420E6-3CBC-49EF-8A4F-A99E0A683E74}" type="pres">
      <dgm:prSet presAssocID="{2C16B563-A442-43AB-A2EE-1EF85197244C}" presName="root2" presStyleCnt="0"/>
      <dgm:spPr/>
    </dgm:pt>
    <dgm:pt modelId="{7BC205F4-0E32-48A4-8882-AE94E3B06F6A}" type="pres">
      <dgm:prSet presAssocID="{2C16B563-A442-43AB-A2EE-1EF85197244C}" presName="LevelTwoTextNode" presStyleLbl="node3" presStyleIdx="1" presStyleCnt="3">
        <dgm:presLayoutVars>
          <dgm:chPref val="3"/>
        </dgm:presLayoutVars>
      </dgm:prSet>
      <dgm:spPr/>
    </dgm:pt>
    <dgm:pt modelId="{4D5B1DE7-1BB5-4D77-8122-1717A4A6B1F4}" type="pres">
      <dgm:prSet presAssocID="{2C16B563-A442-43AB-A2EE-1EF85197244C}" presName="level3hierChild" presStyleCnt="0"/>
      <dgm:spPr/>
    </dgm:pt>
    <dgm:pt modelId="{A692A01B-1ACF-4664-B546-FB5320AFB76F}" type="pres">
      <dgm:prSet presAssocID="{C09596DD-93F8-42B5-9D46-A833D5139C75}" presName="conn2-1" presStyleLbl="parChTrans1D4" presStyleIdx="4" presStyleCnt="6"/>
      <dgm:spPr/>
    </dgm:pt>
    <dgm:pt modelId="{3EAABC32-6A18-407D-8CC7-69CF5E6540EF}" type="pres">
      <dgm:prSet presAssocID="{C09596DD-93F8-42B5-9D46-A833D5139C75}" presName="connTx" presStyleLbl="parChTrans1D4" presStyleIdx="4" presStyleCnt="6"/>
      <dgm:spPr/>
    </dgm:pt>
    <dgm:pt modelId="{127B16D9-7694-45EC-8998-BC825DD61F34}" type="pres">
      <dgm:prSet presAssocID="{2A7D9905-E843-4B30-9330-3695DD8AB9E6}" presName="root2" presStyleCnt="0"/>
      <dgm:spPr/>
    </dgm:pt>
    <dgm:pt modelId="{3BED307F-981D-44CD-8243-C3EA4D744E17}" type="pres">
      <dgm:prSet presAssocID="{2A7D9905-E843-4B30-9330-3695DD8AB9E6}" presName="LevelTwoTextNode" presStyleLbl="node4" presStyleIdx="4" presStyleCnt="6" custScaleX="243758">
        <dgm:presLayoutVars>
          <dgm:chPref val="3"/>
        </dgm:presLayoutVars>
      </dgm:prSet>
      <dgm:spPr/>
    </dgm:pt>
    <dgm:pt modelId="{21355635-7E46-4551-A01C-F2B602244E61}" type="pres">
      <dgm:prSet presAssocID="{2A7D9905-E843-4B30-9330-3695DD8AB9E6}" presName="level3hierChild" presStyleCnt="0"/>
      <dgm:spPr/>
    </dgm:pt>
    <dgm:pt modelId="{74C4097D-45C5-4729-8A5D-C822FF6EF61C}" type="pres">
      <dgm:prSet presAssocID="{8930C5BE-02A2-40AC-964D-7C47974F727D}" presName="conn2-1" presStyleLbl="parChTrans1D3" presStyleIdx="2" presStyleCnt="3"/>
      <dgm:spPr/>
    </dgm:pt>
    <dgm:pt modelId="{DA14683F-DD38-42BD-85DA-C7E22217E976}" type="pres">
      <dgm:prSet presAssocID="{8930C5BE-02A2-40AC-964D-7C47974F727D}" presName="connTx" presStyleLbl="parChTrans1D3" presStyleIdx="2" presStyleCnt="3"/>
      <dgm:spPr/>
    </dgm:pt>
    <dgm:pt modelId="{EC06388E-4790-43C2-B28C-F84F5CB1F006}" type="pres">
      <dgm:prSet presAssocID="{4F2ECD47-7C08-4377-B59A-4A96A4C650E2}" presName="root2" presStyleCnt="0"/>
      <dgm:spPr/>
    </dgm:pt>
    <dgm:pt modelId="{48260F3C-1336-4937-A1F4-0CEAA376625F}" type="pres">
      <dgm:prSet presAssocID="{4F2ECD47-7C08-4377-B59A-4A96A4C650E2}" presName="LevelTwoTextNode" presStyleLbl="node3" presStyleIdx="2" presStyleCnt="3">
        <dgm:presLayoutVars>
          <dgm:chPref val="3"/>
        </dgm:presLayoutVars>
      </dgm:prSet>
      <dgm:spPr/>
    </dgm:pt>
    <dgm:pt modelId="{A6BE8082-D80A-4B53-8FA3-2C4D8E7F3B5E}" type="pres">
      <dgm:prSet presAssocID="{4F2ECD47-7C08-4377-B59A-4A96A4C650E2}" presName="level3hierChild" presStyleCnt="0"/>
      <dgm:spPr/>
    </dgm:pt>
    <dgm:pt modelId="{8B39E1AC-9E4F-4621-94CD-B5AED05CAD22}" type="pres">
      <dgm:prSet presAssocID="{37C84E28-16D3-4B61-B56C-B112FFD823E9}" presName="conn2-1" presStyleLbl="parChTrans1D4" presStyleIdx="5" presStyleCnt="6"/>
      <dgm:spPr/>
    </dgm:pt>
    <dgm:pt modelId="{5AED52AF-EB31-4D5F-9D04-FB80AE3C3571}" type="pres">
      <dgm:prSet presAssocID="{37C84E28-16D3-4B61-B56C-B112FFD823E9}" presName="connTx" presStyleLbl="parChTrans1D4" presStyleIdx="5" presStyleCnt="6"/>
      <dgm:spPr/>
    </dgm:pt>
    <dgm:pt modelId="{35B3334A-23BA-4A61-8775-9C819724D663}" type="pres">
      <dgm:prSet presAssocID="{54BC6178-8F0B-4BF2-869E-7CA25F1D52D9}" presName="root2" presStyleCnt="0"/>
      <dgm:spPr/>
    </dgm:pt>
    <dgm:pt modelId="{A7919481-F288-4186-A7BB-58EE352582E9}" type="pres">
      <dgm:prSet presAssocID="{54BC6178-8F0B-4BF2-869E-7CA25F1D52D9}" presName="LevelTwoTextNode" presStyleLbl="node4" presStyleIdx="5" presStyleCnt="6" custScaleX="243758">
        <dgm:presLayoutVars>
          <dgm:chPref val="3"/>
        </dgm:presLayoutVars>
      </dgm:prSet>
      <dgm:spPr/>
    </dgm:pt>
    <dgm:pt modelId="{B96F4EEC-D07A-461B-8123-D5F41B80CADB}" type="pres">
      <dgm:prSet presAssocID="{54BC6178-8F0B-4BF2-869E-7CA25F1D52D9}" presName="level3hierChild" presStyleCnt="0"/>
      <dgm:spPr/>
    </dgm:pt>
  </dgm:ptLst>
  <dgm:cxnLst>
    <dgm:cxn modelId="{F8A6AF07-4321-4351-BD56-2F560DF66494}" type="presOf" srcId="{37C84E28-16D3-4B61-B56C-B112FFD823E9}" destId="{5AED52AF-EB31-4D5F-9D04-FB80AE3C3571}" srcOrd="1" destOrd="0" presId="urn:microsoft.com/office/officeart/2005/8/layout/hierarchy2"/>
    <dgm:cxn modelId="{63079B0A-5FD8-4FF2-8AB2-433BFFA8E4DA}" type="presOf" srcId="{8930C5BE-02A2-40AC-964D-7C47974F727D}" destId="{74C4097D-45C5-4729-8A5D-C822FF6EF61C}" srcOrd="0" destOrd="0" presId="urn:microsoft.com/office/officeart/2005/8/layout/hierarchy2"/>
    <dgm:cxn modelId="{2D5A480B-6D59-4981-9735-80A42C596663}" srcId="{D0229125-0157-400D-BDB2-166D756E0509}" destId="{4F2ECD47-7C08-4377-B59A-4A96A4C650E2}" srcOrd="1" destOrd="0" parTransId="{8930C5BE-02A2-40AC-964D-7C47974F727D}" sibTransId="{06B5DB34-BE6F-46C5-9101-15666382F70E}"/>
    <dgm:cxn modelId="{E6669F0E-DAFC-47B0-8D3E-D26547BC588B}" type="presOf" srcId="{B32E1B73-D5ED-461A-91BA-69C5B8DD29C2}" destId="{FE3DB5E1-2A0D-43C9-947D-DDC6783F970D}" srcOrd="1" destOrd="0" presId="urn:microsoft.com/office/officeart/2005/8/layout/hierarchy2"/>
    <dgm:cxn modelId="{0ED15C15-C0B6-470A-AF6C-EA2389388866}" type="presOf" srcId="{1710E1C2-9707-4CA5-A788-2188F4AA447F}" destId="{60B0F4BE-CDA5-4394-B879-CBFCA53E3715}" srcOrd="0" destOrd="0" presId="urn:microsoft.com/office/officeart/2005/8/layout/hierarchy2"/>
    <dgm:cxn modelId="{88F34821-E7DB-46EE-A74D-FA83BCAAD57C}" srcId="{2C16B563-A442-43AB-A2EE-1EF85197244C}" destId="{2A7D9905-E843-4B30-9330-3695DD8AB9E6}" srcOrd="0" destOrd="0" parTransId="{C09596DD-93F8-42B5-9D46-A833D5139C75}" sibTransId="{E1C3FD31-0841-44E3-8F41-334CA1FE2D96}"/>
    <dgm:cxn modelId="{79CB7921-7137-4CC9-B4B7-303DEBC70E78}" srcId="{4F2D170A-2230-4717-8FAB-E314178BC0D4}" destId="{3D1F172F-F07E-457F-AE26-A0FC4F43CA3B}" srcOrd="0" destOrd="0" parTransId="{51A538C8-50BE-498F-9FD0-EB5DBA98AB24}" sibTransId="{C2981AFE-D01E-4169-9DDF-1A4CDF0AF140}"/>
    <dgm:cxn modelId="{399D1B23-EDD5-4586-B0EA-9B37B4817D70}" type="presOf" srcId="{A60FB235-EA2D-482A-86AC-EDE66BCC3F57}" destId="{1862C669-409A-48F9-A137-CF342F475261}" srcOrd="0" destOrd="0" presId="urn:microsoft.com/office/officeart/2005/8/layout/hierarchy2"/>
    <dgm:cxn modelId="{EAD2812B-8A3E-41A6-B715-BF0CA46E2937}" type="presOf" srcId="{37C84E28-16D3-4B61-B56C-B112FFD823E9}" destId="{8B39E1AC-9E4F-4621-94CD-B5AED05CAD22}" srcOrd="0" destOrd="0" presId="urn:microsoft.com/office/officeart/2005/8/layout/hierarchy2"/>
    <dgm:cxn modelId="{1BDB062F-2099-4FE1-9C1D-2B8DAF6D4E87}" type="presOf" srcId="{B49424B0-4ECD-49D7-B3EA-FF1BD8A934E6}" destId="{21B5600D-B903-49BD-AFC4-3A51C9F7DB4E}" srcOrd="1" destOrd="0" presId="urn:microsoft.com/office/officeart/2005/8/layout/hierarchy2"/>
    <dgm:cxn modelId="{F2A4DA2F-5CB9-431C-85CC-1A075F6D81BB}" type="presOf" srcId="{6456ECAE-13B6-4CFE-85CD-85F266F65D99}" destId="{5204269F-8B25-4F1F-9247-637EA273368A}" srcOrd="0" destOrd="0" presId="urn:microsoft.com/office/officeart/2005/8/layout/hierarchy2"/>
    <dgm:cxn modelId="{FB6AB834-8A05-4C94-9E33-36EE63494303}" type="presOf" srcId="{54BC6178-8F0B-4BF2-869E-7CA25F1D52D9}" destId="{A7919481-F288-4186-A7BB-58EE352582E9}" srcOrd="0" destOrd="0" presId="urn:microsoft.com/office/officeart/2005/8/layout/hierarchy2"/>
    <dgm:cxn modelId="{A3207D3B-2294-4B74-B127-AF0A014E11A8}" type="presOf" srcId="{B49424B0-4ECD-49D7-B3EA-FF1BD8A934E6}" destId="{5D92F601-FF70-4BD8-A855-C531D7A570DE}" srcOrd="0" destOrd="0" presId="urn:microsoft.com/office/officeart/2005/8/layout/hierarchy2"/>
    <dgm:cxn modelId="{26F4B43D-C8E6-4997-9150-FC8A479BDA3A}" srcId="{76B2D4FA-070B-4D47-97B6-231B850D0449}" destId="{7B5CFB0D-43B9-49C5-AD0E-62476CD56D3A}" srcOrd="0" destOrd="0" parTransId="{AF3F9D5E-F51C-4959-82F1-DEF866EC5B30}" sibTransId="{9267A36F-C0C9-4ABC-9C9E-970C7D670D8E}"/>
    <dgm:cxn modelId="{517E1440-E025-411F-BB1C-6C4E60BC8FEB}" srcId="{62C32797-1A01-479D-A26E-6867F3DDAF10}" destId="{6456ECAE-13B6-4CFE-85CD-85F266F65D99}" srcOrd="0" destOrd="0" parTransId="{B32E1B73-D5ED-461A-91BA-69C5B8DD29C2}" sibTransId="{30F94DC1-BF39-4EFC-9B33-F50227C3E4EE}"/>
    <dgm:cxn modelId="{EF983760-BC09-44EB-90DF-2684D9C2672C}" type="presOf" srcId="{2C16B563-A442-43AB-A2EE-1EF85197244C}" destId="{7BC205F4-0E32-48A4-8882-AE94E3B06F6A}" srcOrd="0" destOrd="0" presId="urn:microsoft.com/office/officeart/2005/8/layout/hierarchy2"/>
    <dgm:cxn modelId="{CA7ABC43-4C38-49CE-AA81-3B227529D84D}" type="presOf" srcId="{1710E1C2-9707-4CA5-A788-2188F4AA447F}" destId="{B9DDCE43-AE3A-4476-8C83-B0DA7A0A2B0D}" srcOrd="1" destOrd="0" presId="urn:microsoft.com/office/officeart/2005/8/layout/hierarchy2"/>
    <dgm:cxn modelId="{AA509164-2870-4D69-8EBF-D5A4A5E47C65}" srcId="{68A5D1E6-41DD-466F-A1F8-1C0E1397171A}" destId="{62C32797-1A01-479D-A26E-6867F3DDAF10}" srcOrd="0" destOrd="0" parTransId="{B1994A56-56DF-429E-848B-E856EDBE1024}" sibTransId="{416DA56D-CE16-4345-B45A-768EC313AA4C}"/>
    <dgm:cxn modelId="{AFAE4266-ACA7-4315-B1EE-0272D0051C2D}" type="presOf" srcId="{62C32797-1A01-479D-A26E-6867F3DDAF10}" destId="{49F92A84-E5D6-445C-94FF-FEB576E2AA59}" srcOrd="0" destOrd="0" presId="urn:microsoft.com/office/officeart/2005/8/layout/hierarchy2"/>
    <dgm:cxn modelId="{03AD6346-4FE6-4A4B-BE9B-4571EC6A8913}" type="presOf" srcId="{C8B1B5AC-2DBC-4979-8673-851F1DDEE10F}" destId="{24A46E38-82A1-40EE-99DB-2AB247E1639B}" srcOrd="0" destOrd="0" presId="urn:microsoft.com/office/officeart/2005/8/layout/hierarchy2"/>
    <dgm:cxn modelId="{253E0468-F0D7-4280-AE2F-D2AFA9DE24AD}" srcId="{3D1F172F-F07E-457F-AE26-A0FC4F43CA3B}" destId="{68BCDBD8-BD57-4960-9AC2-B877BB796845}" srcOrd="0" destOrd="0" parTransId="{A60FB235-EA2D-482A-86AC-EDE66BCC3F57}" sibTransId="{B048DD13-1121-4D71-9196-7F9116C6D0F3}"/>
    <dgm:cxn modelId="{F0183D4D-0B2F-4F40-9990-2AD2FBD86E1A}" srcId="{3D1F172F-F07E-457F-AE26-A0FC4F43CA3B}" destId="{D0229125-0157-400D-BDB2-166D756E0509}" srcOrd="1" destOrd="0" parTransId="{B49424B0-4ECD-49D7-B3EA-FF1BD8A934E6}" sibTransId="{AC0AD9BE-4954-47E5-B342-DA678B46E271}"/>
    <dgm:cxn modelId="{B9E0464E-AE2F-4623-8661-35F374756313}" type="presOf" srcId="{68BCDBD8-BD57-4960-9AC2-B877BB796845}" destId="{7FEF96DE-51B9-4DBD-B518-51337D84B3F6}" srcOrd="0" destOrd="0" presId="urn:microsoft.com/office/officeart/2005/8/layout/hierarchy2"/>
    <dgm:cxn modelId="{7182694E-57FD-415D-9BBA-D9177DFFCD7E}" type="presOf" srcId="{3D1F172F-F07E-457F-AE26-A0FC4F43CA3B}" destId="{E3E74449-F182-4638-83F6-66CB1693A8D5}" srcOrd="0" destOrd="0" presId="urn:microsoft.com/office/officeart/2005/8/layout/hierarchy2"/>
    <dgm:cxn modelId="{921C2D75-1DAB-4028-A59F-9E5C310CEA5A}" type="presOf" srcId="{68A5D1E6-41DD-466F-A1F8-1C0E1397171A}" destId="{70EA741F-0DB5-4E19-8CED-2A4F6CD54DE3}" srcOrd="0" destOrd="0" presId="urn:microsoft.com/office/officeart/2005/8/layout/hierarchy2"/>
    <dgm:cxn modelId="{3DA51D78-5F7E-4317-8919-B87DA4EA14FF}" type="presOf" srcId="{A60FB235-EA2D-482A-86AC-EDE66BCC3F57}" destId="{45C57621-BF29-471F-BB75-396BA710ED10}" srcOrd="1" destOrd="0" presId="urn:microsoft.com/office/officeart/2005/8/layout/hierarchy2"/>
    <dgm:cxn modelId="{393EFA78-AC01-42E5-8EE9-80A02D3493F2}" type="presOf" srcId="{76B2D4FA-070B-4D47-97B6-231B850D0449}" destId="{E5698EC7-758A-4B93-A039-FB02D78B2156}" srcOrd="0" destOrd="0" presId="urn:microsoft.com/office/officeart/2005/8/layout/hierarchy2"/>
    <dgm:cxn modelId="{A8ED2859-F6DB-4F2F-B4DF-09494FF7A955}" srcId="{4F2ECD47-7C08-4377-B59A-4A96A4C650E2}" destId="{54BC6178-8F0B-4BF2-869E-7CA25F1D52D9}" srcOrd="0" destOrd="0" parTransId="{37C84E28-16D3-4B61-B56C-B112FFD823E9}" sibTransId="{C83FB0EB-97D8-4248-9E9A-DA2BD404E431}"/>
    <dgm:cxn modelId="{97A46E79-6133-43B9-AE59-543AAEE1DA84}" type="presOf" srcId="{2A7D9905-E843-4B30-9330-3695DD8AB9E6}" destId="{3BED307F-981D-44CD-8243-C3EA4D744E17}" srcOrd="0" destOrd="0" presId="urn:microsoft.com/office/officeart/2005/8/layout/hierarchy2"/>
    <dgm:cxn modelId="{C7EC477A-227D-4E40-9F95-F2BB2AA372E2}" type="presOf" srcId="{B1994A56-56DF-429E-848B-E856EDBE1024}" destId="{68B637F8-E81F-4E4D-8A52-ABDA70CCFCB3}" srcOrd="1" destOrd="0" presId="urn:microsoft.com/office/officeart/2005/8/layout/hierarchy2"/>
    <dgm:cxn modelId="{E23F7F8C-89A2-4F08-AC28-3CD03DFA2E67}" type="presOf" srcId="{B32E1B73-D5ED-461A-91BA-69C5B8DD29C2}" destId="{E5430BCC-904B-4086-B74D-E2AA6B8CBFD8}" srcOrd="0" destOrd="0" presId="urn:microsoft.com/office/officeart/2005/8/layout/hierarchy2"/>
    <dgm:cxn modelId="{62E9FB91-1D62-4A4E-B213-E8B596A94F42}" type="presOf" srcId="{C8B1B5AC-2DBC-4979-8673-851F1DDEE10F}" destId="{86CC5CDB-CF36-4CD9-84B6-029B65C1236C}" srcOrd="1" destOrd="0" presId="urn:microsoft.com/office/officeart/2005/8/layout/hierarchy2"/>
    <dgm:cxn modelId="{A5661899-7775-472B-9BDF-E46F531FA5A9}" type="presOf" srcId="{EBB2A6C9-CB0A-4C33-A8B9-44DE0A5515DB}" destId="{0AFE4A20-AB7A-4A50-8254-F9852D073002}" srcOrd="1" destOrd="0" presId="urn:microsoft.com/office/officeart/2005/8/layout/hierarchy2"/>
    <dgm:cxn modelId="{10E3C29D-ECA7-45BB-80D0-11EF45690867}" type="presOf" srcId="{D0229125-0157-400D-BDB2-166D756E0509}" destId="{E33139FB-46F1-41FB-BBA3-A122C6359C5A}" srcOrd="0" destOrd="0" presId="urn:microsoft.com/office/officeart/2005/8/layout/hierarchy2"/>
    <dgm:cxn modelId="{2214A5A0-72CD-4751-AF61-D9A756BCE5FE}" srcId="{D0229125-0157-400D-BDB2-166D756E0509}" destId="{2C16B563-A442-43AB-A2EE-1EF85197244C}" srcOrd="0" destOrd="0" parTransId="{EBB2A6C9-CB0A-4C33-A8B9-44DE0A5515DB}" sibTransId="{68F56441-5158-4A22-BC78-CD1BC144462A}"/>
    <dgm:cxn modelId="{49DF90A7-1C95-41B6-A42B-65D1C79426DF}" srcId="{68A5D1E6-41DD-466F-A1F8-1C0E1397171A}" destId="{76B2D4FA-070B-4D47-97B6-231B850D0449}" srcOrd="1" destOrd="0" parTransId="{C8B1B5AC-2DBC-4979-8673-851F1DDEE10F}" sibTransId="{4096373F-8A25-4F26-945F-100E8FF0482E}"/>
    <dgm:cxn modelId="{3F5252AF-6405-43E0-A893-C8F08F03E9B3}" type="presOf" srcId="{C09596DD-93F8-42B5-9D46-A833D5139C75}" destId="{3EAABC32-6A18-407D-8CC7-69CF5E6540EF}" srcOrd="1" destOrd="0" presId="urn:microsoft.com/office/officeart/2005/8/layout/hierarchy2"/>
    <dgm:cxn modelId="{C82607B5-9505-40FD-8FA9-F1B8B31D9876}" srcId="{68BCDBD8-BD57-4960-9AC2-B877BB796845}" destId="{68A5D1E6-41DD-466F-A1F8-1C0E1397171A}" srcOrd="0" destOrd="0" parTransId="{1710E1C2-9707-4CA5-A788-2188F4AA447F}" sibTransId="{4EDC091F-B5BC-47A5-8278-F57FC2FD08F0}"/>
    <dgm:cxn modelId="{2135DBC2-C34E-4090-821B-704851C46C6C}" type="presOf" srcId="{7B5CFB0D-43B9-49C5-AD0E-62476CD56D3A}" destId="{03B50F59-8FBB-4493-A598-07350C2A8BB7}" srcOrd="0" destOrd="0" presId="urn:microsoft.com/office/officeart/2005/8/layout/hierarchy2"/>
    <dgm:cxn modelId="{482244C8-F948-4F03-B077-7FC282B417D8}" type="presOf" srcId="{AF3F9D5E-F51C-4959-82F1-DEF866EC5B30}" destId="{36ECBD96-51C9-4B04-9924-4176C3C81889}" srcOrd="1" destOrd="0" presId="urn:microsoft.com/office/officeart/2005/8/layout/hierarchy2"/>
    <dgm:cxn modelId="{439BB4C8-0B8C-4F69-9C5E-1219384D136C}" type="presOf" srcId="{EBB2A6C9-CB0A-4C33-A8B9-44DE0A5515DB}" destId="{9F920CB1-3FE3-4352-B3CF-256F562C7A47}" srcOrd="0" destOrd="0" presId="urn:microsoft.com/office/officeart/2005/8/layout/hierarchy2"/>
    <dgm:cxn modelId="{8C1244C9-1FC0-4A93-8A11-7205520F7981}" type="presOf" srcId="{8930C5BE-02A2-40AC-964D-7C47974F727D}" destId="{DA14683F-DD38-42BD-85DA-C7E22217E976}" srcOrd="1" destOrd="0" presId="urn:microsoft.com/office/officeart/2005/8/layout/hierarchy2"/>
    <dgm:cxn modelId="{D3B5BFDD-3734-4495-A296-8760D6A369B2}" type="presOf" srcId="{C09596DD-93F8-42B5-9D46-A833D5139C75}" destId="{A692A01B-1ACF-4664-B546-FB5320AFB76F}" srcOrd="0" destOrd="0" presId="urn:microsoft.com/office/officeart/2005/8/layout/hierarchy2"/>
    <dgm:cxn modelId="{47ACD2DF-BFED-4F04-AD75-B801A4C5743D}" type="presOf" srcId="{4F2ECD47-7C08-4377-B59A-4A96A4C650E2}" destId="{48260F3C-1336-4937-A1F4-0CEAA376625F}" srcOrd="0" destOrd="0" presId="urn:microsoft.com/office/officeart/2005/8/layout/hierarchy2"/>
    <dgm:cxn modelId="{D4705FE9-EA7E-4F34-B482-C557F1A55B43}" type="presOf" srcId="{B1994A56-56DF-429E-848B-E856EDBE1024}" destId="{9F07E69A-652F-431B-8CFF-E915AB75EF14}" srcOrd="0" destOrd="0" presId="urn:microsoft.com/office/officeart/2005/8/layout/hierarchy2"/>
    <dgm:cxn modelId="{82AE06EA-43A3-4660-8FC9-EA2759E11474}" type="presOf" srcId="{4F2D170A-2230-4717-8FAB-E314178BC0D4}" destId="{1EB2A3EB-FEFE-40C4-B3EF-22631239BD35}" srcOrd="0" destOrd="0" presId="urn:microsoft.com/office/officeart/2005/8/layout/hierarchy2"/>
    <dgm:cxn modelId="{2F809DF4-198C-42C2-89DB-94E0FC665971}" type="presOf" srcId="{AF3F9D5E-F51C-4959-82F1-DEF866EC5B30}" destId="{B436763A-A01B-4AEE-865B-A4E6D8E5A28F}" srcOrd="0" destOrd="0" presId="urn:microsoft.com/office/officeart/2005/8/layout/hierarchy2"/>
    <dgm:cxn modelId="{851340B8-676D-4658-9CC2-BA6342C69821}" type="presParOf" srcId="{1EB2A3EB-FEFE-40C4-B3EF-22631239BD35}" destId="{9D031488-1F37-44F3-9874-EC84724D6B7F}" srcOrd="0" destOrd="0" presId="urn:microsoft.com/office/officeart/2005/8/layout/hierarchy2"/>
    <dgm:cxn modelId="{C9624935-B3A3-4BF1-AE90-4C88D6ADD7A2}" type="presParOf" srcId="{9D031488-1F37-44F3-9874-EC84724D6B7F}" destId="{E3E74449-F182-4638-83F6-66CB1693A8D5}" srcOrd="0" destOrd="0" presId="urn:microsoft.com/office/officeart/2005/8/layout/hierarchy2"/>
    <dgm:cxn modelId="{5A011A42-979D-45C7-9A37-BC2B15A76CB9}" type="presParOf" srcId="{9D031488-1F37-44F3-9874-EC84724D6B7F}" destId="{621F5554-8004-4435-BE0F-A5BDCFB8C942}" srcOrd="1" destOrd="0" presId="urn:microsoft.com/office/officeart/2005/8/layout/hierarchy2"/>
    <dgm:cxn modelId="{83E26942-5621-491F-AEE2-DD7D9CE8887F}" type="presParOf" srcId="{621F5554-8004-4435-BE0F-A5BDCFB8C942}" destId="{1862C669-409A-48F9-A137-CF342F475261}" srcOrd="0" destOrd="0" presId="urn:microsoft.com/office/officeart/2005/8/layout/hierarchy2"/>
    <dgm:cxn modelId="{AF45845C-DEA9-4805-9ECC-EB5B61BD3279}" type="presParOf" srcId="{1862C669-409A-48F9-A137-CF342F475261}" destId="{45C57621-BF29-471F-BB75-396BA710ED10}" srcOrd="0" destOrd="0" presId="urn:microsoft.com/office/officeart/2005/8/layout/hierarchy2"/>
    <dgm:cxn modelId="{9D78F62C-410E-4C21-845B-C07D750A8C52}" type="presParOf" srcId="{621F5554-8004-4435-BE0F-A5BDCFB8C942}" destId="{3E61628F-F31D-4C6E-BDA0-91D0924FEA8D}" srcOrd="1" destOrd="0" presId="urn:microsoft.com/office/officeart/2005/8/layout/hierarchy2"/>
    <dgm:cxn modelId="{956BA253-A2A8-4333-970D-53D8D5BFF261}" type="presParOf" srcId="{3E61628F-F31D-4C6E-BDA0-91D0924FEA8D}" destId="{7FEF96DE-51B9-4DBD-B518-51337D84B3F6}" srcOrd="0" destOrd="0" presId="urn:microsoft.com/office/officeart/2005/8/layout/hierarchy2"/>
    <dgm:cxn modelId="{FCE7DC93-AF72-48D7-9B63-33086897EE6E}" type="presParOf" srcId="{3E61628F-F31D-4C6E-BDA0-91D0924FEA8D}" destId="{DFF47C72-154F-485D-8490-7A69FA309343}" srcOrd="1" destOrd="0" presId="urn:microsoft.com/office/officeart/2005/8/layout/hierarchy2"/>
    <dgm:cxn modelId="{5CDEFD9C-64CC-4933-83FA-9688EBFE2785}" type="presParOf" srcId="{DFF47C72-154F-485D-8490-7A69FA309343}" destId="{60B0F4BE-CDA5-4394-B879-CBFCA53E3715}" srcOrd="0" destOrd="0" presId="urn:microsoft.com/office/officeart/2005/8/layout/hierarchy2"/>
    <dgm:cxn modelId="{A12172A3-835D-4ED7-8315-4F6A08806997}" type="presParOf" srcId="{60B0F4BE-CDA5-4394-B879-CBFCA53E3715}" destId="{B9DDCE43-AE3A-4476-8C83-B0DA7A0A2B0D}" srcOrd="0" destOrd="0" presId="urn:microsoft.com/office/officeart/2005/8/layout/hierarchy2"/>
    <dgm:cxn modelId="{77940454-D1E7-4890-8732-ACB337A660A4}" type="presParOf" srcId="{DFF47C72-154F-485D-8490-7A69FA309343}" destId="{4D7B607D-1B7D-4A96-8E67-B84AA2B32D67}" srcOrd="1" destOrd="0" presId="urn:microsoft.com/office/officeart/2005/8/layout/hierarchy2"/>
    <dgm:cxn modelId="{5CC13876-3C80-465A-BE1B-E6497A451B0A}" type="presParOf" srcId="{4D7B607D-1B7D-4A96-8E67-B84AA2B32D67}" destId="{70EA741F-0DB5-4E19-8CED-2A4F6CD54DE3}" srcOrd="0" destOrd="0" presId="urn:microsoft.com/office/officeart/2005/8/layout/hierarchy2"/>
    <dgm:cxn modelId="{D2B305A1-588B-4A11-B370-B54DC0C55FC8}" type="presParOf" srcId="{4D7B607D-1B7D-4A96-8E67-B84AA2B32D67}" destId="{6CFE2A7E-9D6C-45F4-8871-07D818CC7A7A}" srcOrd="1" destOrd="0" presId="urn:microsoft.com/office/officeart/2005/8/layout/hierarchy2"/>
    <dgm:cxn modelId="{196FA53C-65DE-4CCE-89FC-EDD438B68412}" type="presParOf" srcId="{6CFE2A7E-9D6C-45F4-8871-07D818CC7A7A}" destId="{9F07E69A-652F-431B-8CFF-E915AB75EF14}" srcOrd="0" destOrd="0" presId="urn:microsoft.com/office/officeart/2005/8/layout/hierarchy2"/>
    <dgm:cxn modelId="{DAC03921-6752-49D9-9AF3-73E035DA2522}" type="presParOf" srcId="{9F07E69A-652F-431B-8CFF-E915AB75EF14}" destId="{68B637F8-E81F-4E4D-8A52-ABDA70CCFCB3}" srcOrd="0" destOrd="0" presId="urn:microsoft.com/office/officeart/2005/8/layout/hierarchy2"/>
    <dgm:cxn modelId="{B3012E51-429E-4751-BBBC-98DB7E14B802}" type="presParOf" srcId="{6CFE2A7E-9D6C-45F4-8871-07D818CC7A7A}" destId="{68489243-A57E-40A5-B37D-DA3EDED5175C}" srcOrd="1" destOrd="0" presId="urn:microsoft.com/office/officeart/2005/8/layout/hierarchy2"/>
    <dgm:cxn modelId="{3C8B432D-1129-413A-8330-40D3DC914A28}" type="presParOf" srcId="{68489243-A57E-40A5-B37D-DA3EDED5175C}" destId="{49F92A84-E5D6-445C-94FF-FEB576E2AA59}" srcOrd="0" destOrd="0" presId="urn:microsoft.com/office/officeart/2005/8/layout/hierarchy2"/>
    <dgm:cxn modelId="{6DD22660-0545-4207-91B5-421517DB5156}" type="presParOf" srcId="{68489243-A57E-40A5-B37D-DA3EDED5175C}" destId="{18B558CD-6D9B-48CC-BDBC-1B5A32779CC4}" srcOrd="1" destOrd="0" presId="urn:microsoft.com/office/officeart/2005/8/layout/hierarchy2"/>
    <dgm:cxn modelId="{61D68167-BE3F-44CE-8DE7-49D2DEEA4EA0}" type="presParOf" srcId="{18B558CD-6D9B-48CC-BDBC-1B5A32779CC4}" destId="{E5430BCC-904B-4086-B74D-E2AA6B8CBFD8}" srcOrd="0" destOrd="0" presId="urn:microsoft.com/office/officeart/2005/8/layout/hierarchy2"/>
    <dgm:cxn modelId="{47B95FCA-C963-4C08-BCB8-B2A38B2684BC}" type="presParOf" srcId="{E5430BCC-904B-4086-B74D-E2AA6B8CBFD8}" destId="{FE3DB5E1-2A0D-43C9-947D-DDC6783F970D}" srcOrd="0" destOrd="0" presId="urn:microsoft.com/office/officeart/2005/8/layout/hierarchy2"/>
    <dgm:cxn modelId="{EFBD4B01-75BE-461A-878E-72C4BBF9CDF4}" type="presParOf" srcId="{18B558CD-6D9B-48CC-BDBC-1B5A32779CC4}" destId="{2AB37ECC-10D0-42F7-9BB9-F97D6D5F3C6C}" srcOrd="1" destOrd="0" presId="urn:microsoft.com/office/officeart/2005/8/layout/hierarchy2"/>
    <dgm:cxn modelId="{975378AB-D46C-48FD-B609-D0A5225FFAC0}" type="presParOf" srcId="{2AB37ECC-10D0-42F7-9BB9-F97D6D5F3C6C}" destId="{5204269F-8B25-4F1F-9247-637EA273368A}" srcOrd="0" destOrd="0" presId="urn:microsoft.com/office/officeart/2005/8/layout/hierarchy2"/>
    <dgm:cxn modelId="{DC16815A-A55D-46C0-9714-2A52D4D92587}" type="presParOf" srcId="{2AB37ECC-10D0-42F7-9BB9-F97D6D5F3C6C}" destId="{6D06A2F9-3EBA-40C6-AB03-F67DBF38BD95}" srcOrd="1" destOrd="0" presId="urn:microsoft.com/office/officeart/2005/8/layout/hierarchy2"/>
    <dgm:cxn modelId="{A3340C57-731F-461E-A6D6-2EB1028B3FB2}" type="presParOf" srcId="{6CFE2A7E-9D6C-45F4-8871-07D818CC7A7A}" destId="{24A46E38-82A1-40EE-99DB-2AB247E1639B}" srcOrd="2" destOrd="0" presId="urn:microsoft.com/office/officeart/2005/8/layout/hierarchy2"/>
    <dgm:cxn modelId="{656E929D-B006-4FC5-A173-D53770EE4DBD}" type="presParOf" srcId="{24A46E38-82A1-40EE-99DB-2AB247E1639B}" destId="{86CC5CDB-CF36-4CD9-84B6-029B65C1236C}" srcOrd="0" destOrd="0" presId="urn:microsoft.com/office/officeart/2005/8/layout/hierarchy2"/>
    <dgm:cxn modelId="{F0F832E5-B9D5-4C1A-8CE0-A17512AA3AE4}" type="presParOf" srcId="{6CFE2A7E-9D6C-45F4-8871-07D818CC7A7A}" destId="{0994F7FE-4BB2-4176-81E9-540CA49CC273}" srcOrd="3" destOrd="0" presId="urn:microsoft.com/office/officeart/2005/8/layout/hierarchy2"/>
    <dgm:cxn modelId="{1AC5C634-6D7C-40C7-B122-6BC10F1BA47D}" type="presParOf" srcId="{0994F7FE-4BB2-4176-81E9-540CA49CC273}" destId="{E5698EC7-758A-4B93-A039-FB02D78B2156}" srcOrd="0" destOrd="0" presId="urn:microsoft.com/office/officeart/2005/8/layout/hierarchy2"/>
    <dgm:cxn modelId="{3D4D414A-A786-4B7C-B32A-8D377086A69C}" type="presParOf" srcId="{0994F7FE-4BB2-4176-81E9-540CA49CC273}" destId="{5DEF2610-B854-4E39-8464-D69CBAB490D9}" srcOrd="1" destOrd="0" presId="urn:microsoft.com/office/officeart/2005/8/layout/hierarchy2"/>
    <dgm:cxn modelId="{BEAA80AC-FC15-48E4-B81A-9C7A7E3C7255}" type="presParOf" srcId="{5DEF2610-B854-4E39-8464-D69CBAB490D9}" destId="{B436763A-A01B-4AEE-865B-A4E6D8E5A28F}" srcOrd="0" destOrd="0" presId="urn:microsoft.com/office/officeart/2005/8/layout/hierarchy2"/>
    <dgm:cxn modelId="{2C58230A-5985-4107-95CD-992D8177C251}" type="presParOf" srcId="{B436763A-A01B-4AEE-865B-A4E6D8E5A28F}" destId="{36ECBD96-51C9-4B04-9924-4176C3C81889}" srcOrd="0" destOrd="0" presId="urn:microsoft.com/office/officeart/2005/8/layout/hierarchy2"/>
    <dgm:cxn modelId="{D5E1584E-6EFF-4CA7-B03C-CD5741540345}" type="presParOf" srcId="{5DEF2610-B854-4E39-8464-D69CBAB490D9}" destId="{CAB835C7-EAE3-4CB1-B3E3-96206E4F5464}" srcOrd="1" destOrd="0" presId="urn:microsoft.com/office/officeart/2005/8/layout/hierarchy2"/>
    <dgm:cxn modelId="{9F8457A4-03B9-42FC-AC7A-119D10233D81}" type="presParOf" srcId="{CAB835C7-EAE3-4CB1-B3E3-96206E4F5464}" destId="{03B50F59-8FBB-4493-A598-07350C2A8BB7}" srcOrd="0" destOrd="0" presId="urn:microsoft.com/office/officeart/2005/8/layout/hierarchy2"/>
    <dgm:cxn modelId="{BA6EF5AA-97B9-47CA-8E69-02C8F123A928}" type="presParOf" srcId="{CAB835C7-EAE3-4CB1-B3E3-96206E4F5464}" destId="{EFF6AA57-1EFB-408C-A455-2A890700574C}" srcOrd="1" destOrd="0" presId="urn:microsoft.com/office/officeart/2005/8/layout/hierarchy2"/>
    <dgm:cxn modelId="{4F05F442-20FB-402F-9C59-02B31B732A40}" type="presParOf" srcId="{621F5554-8004-4435-BE0F-A5BDCFB8C942}" destId="{5D92F601-FF70-4BD8-A855-C531D7A570DE}" srcOrd="2" destOrd="0" presId="urn:microsoft.com/office/officeart/2005/8/layout/hierarchy2"/>
    <dgm:cxn modelId="{7869EAEE-1A4D-4B2B-A91B-28B5EB01B1BF}" type="presParOf" srcId="{5D92F601-FF70-4BD8-A855-C531D7A570DE}" destId="{21B5600D-B903-49BD-AFC4-3A51C9F7DB4E}" srcOrd="0" destOrd="0" presId="urn:microsoft.com/office/officeart/2005/8/layout/hierarchy2"/>
    <dgm:cxn modelId="{D1DB52FD-7912-4CAF-8A47-3276A1F5B881}" type="presParOf" srcId="{621F5554-8004-4435-BE0F-A5BDCFB8C942}" destId="{465C8D01-6FED-48E7-B8DC-5BD89EC63DB4}" srcOrd="3" destOrd="0" presId="urn:microsoft.com/office/officeart/2005/8/layout/hierarchy2"/>
    <dgm:cxn modelId="{C61B8296-2355-4634-A122-638A9CDC5CC4}" type="presParOf" srcId="{465C8D01-6FED-48E7-B8DC-5BD89EC63DB4}" destId="{E33139FB-46F1-41FB-BBA3-A122C6359C5A}" srcOrd="0" destOrd="0" presId="urn:microsoft.com/office/officeart/2005/8/layout/hierarchy2"/>
    <dgm:cxn modelId="{38792CD7-8E81-4ABB-A199-41D3F5137128}" type="presParOf" srcId="{465C8D01-6FED-48E7-B8DC-5BD89EC63DB4}" destId="{01EEB0DF-1158-4BC8-B8C2-2DC4C38FF609}" srcOrd="1" destOrd="0" presId="urn:microsoft.com/office/officeart/2005/8/layout/hierarchy2"/>
    <dgm:cxn modelId="{A7FDA402-36D6-40A3-978A-9D65249203E0}" type="presParOf" srcId="{01EEB0DF-1158-4BC8-B8C2-2DC4C38FF609}" destId="{9F920CB1-3FE3-4352-B3CF-256F562C7A47}" srcOrd="0" destOrd="0" presId="urn:microsoft.com/office/officeart/2005/8/layout/hierarchy2"/>
    <dgm:cxn modelId="{7B10C369-6853-4C5A-94D2-DDDB6F8BF716}" type="presParOf" srcId="{9F920CB1-3FE3-4352-B3CF-256F562C7A47}" destId="{0AFE4A20-AB7A-4A50-8254-F9852D073002}" srcOrd="0" destOrd="0" presId="urn:microsoft.com/office/officeart/2005/8/layout/hierarchy2"/>
    <dgm:cxn modelId="{277FB24E-E6AE-4DC7-95A7-9C5F989AE9B5}" type="presParOf" srcId="{01EEB0DF-1158-4BC8-B8C2-2DC4C38FF609}" destId="{5C5420E6-3CBC-49EF-8A4F-A99E0A683E74}" srcOrd="1" destOrd="0" presId="urn:microsoft.com/office/officeart/2005/8/layout/hierarchy2"/>
    <dgm:cxn modelId="{6A755340-B6DC-40EE-90E3-24112B3EF803}" type="presParOf" srcId="{5C5420E6-3CBC-49EF-8A4F-A99E0A683E74}" destId="{7BC205F4-0E32-48A4-8882-AE94E3B06F6A}" srcOrd="0" destOrd="0" presId="urn:microsoft.com/office/officeart/2005/8/layout/hierarchy2"/>
    <dgm:cxn modelId="{41EE9E68-842D-43DB-A5E4-03A6704BADE9}" type="presParOf" srcId="{5C5420E6-3CBC-49EF-8A4F-A99E0A683E74}" destId="{4D5B1DE7-1BB5-4D77-8122-1717A4A6B1F4}" srcOrd="1" destOrd="0" presId="urn:microsoft.com/office/officeart/2005/8/layout/hierarchy2"/>
    <dgm:cxn modelId="{DA8E9418-EDA1-4C49-B48F-7D36604C45B8}" type="presParOf" srcId="{4D5B1DE7-1BB5-4D77-8122-1717A4A6B1F4}" destId="{A692A01B-1ACF-4664-B546-FB5320AFB76F}" srcOrd="0" destOrd="0" presId="urn:microsoft.com/office/officeart/2005/8/layout/hierarchy2"/>
    <dgm:cxn modelId="{D6932F8C-5C20-4749-B152-17CF05804862}" type="presParOf" srcId="{A692A01B-1ACF-4664-B546-FB5320AFB76F}" destId="{3EAABC32-6A18-407D-8CC7-69CF5E6540EF}" srcOrd="0" destOrd="0" presId="urn:microsoft.com/office/officeart/2005/8/layout/hierarchy2"/>
    <dgm:cxn modelId="{B3D66ED9-0000-4FBF-88FB-5A8F6762654D}" type="presParOf" srcId="{4D5B1DE7-1BB5-4D77-8122-1717A4A6B1F4}" destId="{127B16D9-7694-45EC-8998-BC825DD61F34}" srcOrd="1" destOrd="0" presId="urn:microsoft.com/office/officeart/2005/8/layout/hierarchy2"/>
    <dgm:cxn modelId="{42087AA4-F014-4620-AE19-0EA9CF228087}" type="presParOf" srcId="{127B16D9-7694-45EC-8998-BC825DD61F34}" destId="{3BED307F-981D-44CD-8243-C3EA4D744E17}" srcOrd="0" destOrd="0" presId="urn:microsoft.com/office/officeart/2005/8/layout/hierarchy2"/>
    <dgm:cxn modelId="{95914434-87E1-4BE5-B27A-0FE7E569517F}" type="presParOf" srcId="{127B16D9-7694-45EC-8998-BC825DD61F34}" destId="{21355635-7E46-4551-A01C-F2B602244E61}" srcOrd="1" destOrd="0" presId="urn:microsoft.com/office/officeart/2005/8/layout/hierarchy2"/>
    <dgm:cxn modelId="{8C1F00DC-D720-4CD8-8B72-016694508684}" type="presParOf" srcId="{01EEB0DF-1158-4BC8-B8C2-2DC4C38FF609}" destId="{74C4097D-45C5-4729-8A5D-C822FF6EF61C}" srcOrd="2" destOrd="0" presId="urn:microsoft.com/office/officeart/2005/8/layout/hierarchy2"/>
    <dgm:cxn modelId="{C80C087A-840E-4E6B-A790-3C4C86E5CF62}" type="presParOf" srcId="{74C4097D-45C5-4729-8A5D-C822FF6EF61C}" destId="{DA14683F-DD38-42BD-85DA-C7E22217E976}" srcOrd="0" destOrd="0" presId="urn:microsoft.com/office/officeart/2005/8/layout/hierarchy2"/>
    <dgm:cxn modelId="{98269948-1255-47B4-A685-F54D709FA7B7}" type="presParOf" srcId="{01EEB0DF-1158-4BC8-B8C2-2DC4C38FF609}" destId="{EC06388E-4790-43C2-B28C-F84F5CB1F006}" srcOrd="3" destOrd="0" presId="urn:microsoft.com/office/officeart/2005/8/layout/hierarchy2"/>
    <dgm:cxn modelId="{201B6C21-A580-4F30-8765-0402C9E8397C}" type="presParOf" srcId="{EC06388E-4790-43C2-B28C-F84F5CB1F006}" destId="{48260F3C-1336-4937-A1F4-0CEAA376625F}" srcOrd="0" destOrd="0" presId="urn:microsoft.com/office/officeart/2005/8/layout/hierarchy2"/>
    <dgm:cxn modelId="{92F85311-ADCD-4B4E-A0AE-F0799FC67B91}" type="presParOf" srcId="{EC06388E-4790-43C2-B28C-F84F5CB1F006}" destId="{A6BE8082-D80A-4B53-8FA3-2C4D8E7F3B5E}" srcOrd="1" destOrd="0" presId="urn:microsoft.com/office/officeart/2005/8/layout/hierarchy2"/>
    <dgm:cxn modelId="{D038F137-753E-41AE-A6ED-1A59E3E6BC64}" type="presParOf" srcId="{A6BE8082-D80A-4B53-8FA3-2C4D8E7F3B5E}" destId="{8B39E1AC-9E4F-4621-94CD-B5AED05CAD22}" srcOrd="0" destOrd="0" presId="urn:microsoft.com/office/officeart/2005/8/layout/hierarchy2"/>
    <dgm:cxn modelId="{F59C0E2C-46F5-478E-8FD7-C82080E1655B}" type="presParOf" srcId="{8B39E1AC-9E4F-4621-94CD-B5AED05CAD22}" destId="{5AED52AF-EB31-4D5F-9D04-FB80AE3C3571}" srcOrd="0" destOrd="0" presId="urn:microsoft.com/office/officeart/2005/8/layout/hierarchy2"/>
    <dgm:cxn modelId="{80296B54-C42F-4CDC-9E89-E18A57438553}" type="presParOf" srcId="{A6BE8082-D80A-4B53-8FA3-2C4D8E7F3B5E}" destId="{35B3334A-23BA-4A61-8775-9C819724D663}" srcOrd="1" destOrd="0" presId="urn:microsoft.com/office/officeart/2005/8/layout/hierarchy2"/>
    <dgm:cxn modelId="{5C9A8EDF-9539-4BF5-BA88-A2042FD6AE51}" type="presParOf" srcId="{35B3334A-23BA-4A61-8775-9C819724D663}" destId="{A7919481-F288-4186-A7BB-58EE352582E9}" srcOrd="0" destOrd="0" presId="urn:microsoft.com/office/officeart/2005/8/layout/hierarchy2"/>
    <dgm:cxn modelId="{2ACBDF73-A417-4105-AEBA-D3735EDA06FF}" type="presParOf" srcId="{35B3334A-23BA-4A61-8775-9C819724D663}" destId="{B96F4EEC-D07A-461B-8123-D5F41B80CADB}" srcOrd="1" destOrd="0" presId="urn:microsoft.com/office/officeart/2005/8/layout/hierarchy2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3E74449-F182-4638-83F6-66CB1693A8D5}">
      <dsp:nvSpPr>
        <dsp:cNvPr id="0" name=""/>
        <dsp:cNvSpPr/>
      </dsp:nvSpPr>
      <dsp:spPr>
        <a:xfrm>
          <a:off x="2622" y="1308048"/>
          <a:ext cx="832057" cy="416028"/>
        </a:xfrm>
        <a:prstGeom prst="roundRect">
          <a:avLst>
            <a:gd name="adj" fmla="val 10000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kern="1200" dirty="0"/>
            <a:t>非连续幕墙</a:t>
          </a:r>
        </a:p>
      </dsp:txBody>
      <dsp:txXfrm>
        <a:off x="14807" y="1320233"/>
        <a:ext cx="807687" cy="391658"/>
      </dsp:txXfrm>
    </dsp:sp>
    <dsp:sp modelId="{1862C669-409A-48F9-A137-CF342F475261}">
      <dsp:nvSpPr>
        <dsp:cNvPr id="0" name=""/>
        <dsp:cNvSpPr/>
      </dsp:nvSpPr>
      <dsp:spPr>
        <a:xfrm rot="18289469">
          <a:off x="709685" y="1264497"/>
          <a:ext cx="582811" cy="24697"/>
        </a:xfrm>
        <a:custGeom>
          <a:avLst/>
          <a:gdLst/>
          <a:ahLst/>
          <a:cxnLst/>
          <a:rect l="0" t="0" r="0" b="0"/>
          <a:pathLst>
            <a:path>
              <a:moveTo>
                <a:pt x="0" y="12348"/>
              </a:moveTo>
              <a:lnTo>
                <a:pt x="582811" y="12348"/>
              </a:lnTo>
            </a:path>
          </a:pathLst>
        </a:custGeom>
        <a:noFill/>
        <a:ln w="12700" cap="flat" cmpd="sng" algn="ctr">
          <a:solidFill>
            <a:schemeClr val="accent4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zh-CN" altLang="en-US" sz="500" kern="1200"/>
        </a:p>
      </dsp:txBody>
      <dsp:txXfrm>
        <a:off x="986521" y="1262275"/>
        <a:ext cx="29140" cy="29140"/>
      </dsp:txXfrm>
    </dsp:sp>
    <dsp:sp modelId="{7FEF96DE-51B9-4DBD-B518-51337D84B3F6}">
      <dsp:nvSpPr>
        <dsp:cNvPr id="0" name=""/>
        <dsp:cNvSpPr/>
      </dsp:nvSpPr>
      <dsp:spPr>
        <a:xfrm>
          <a:off x="1167503" y="829614"/>
          <a:ext cx="832057" cy="416028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kern="1200" dirty="0"/>
            <a:t>楼板上部</a:t>
          </a:r>
        </a:p>
      </dsp:txBody>
      <dsp:txXfrm>
        <a:off x="1179688" y="841799"/>
        <a:ext cx="807687" cy="391658"/>
      </dsp:txXfrm>
    </dsp:sp>
    <dsp:sp modelId="{60B0F4BE-CDA5-4394-B879-CBFCA53E3715}">
      <dsp:nvSpPr>
        <dsp:cNvPr id="0" name=""/>
        <dsp:cNvSpPr/>
      </dsp:nvSpPr>
      <dsp:spPr>
        <a:xfrm>
          <a:off x="1999561" y="1025280"/>
          <a:ext cx="332823" cy="24697"/>
        </a:xfrm>
        <a:custGeom>
          <a:avLst/>
          <a:gdLst/>
          <a:ahLst/>
          <a:cxnLst/>
          <a:rect l="0" t="0" r="0" b="0"/>
          <a:pathLst>
            <a:path>
              <a:moveTo>
                <a:pt x="0" y="12348"/>
              </a:moveTo>
              <a:lnTo>
                <a:pt x="332823" y="12348"/>
              </a:lnTo>
            </a:path>
          </a:pathLst>
        </a:custGeom>
        <a:noFill/>
        <a:ln w="12700" cap="flat" cmpd="sng" algn="ctr">
          <a:solidFill>
            <a:schemeClr val="accent5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zh-CN" altLang="en-US" sz="500" kern="1200"/>
        </a:p>
      </dsp:txBody>
      <dsp:txXfrm>
        <a:off x="2157651" y="1029308"/>
        <a:ext cx="16641" cy="16641"/>
      </dsp:txXfrm>
    </dsp:sp>
    <dsp:sp modelId="{70EA741F-0DB5-4E19-8CED-2A4F6CD54DE3}">
      <dsp:nvSpPr>
        <dsp:cNvPr id="0" name=""/>
        <dsp:cNvSpPr/>
      </dsp:nvSpPr>
      <dsp:spPr>
        <a:xfrm>
          <a:off x="2332384" y="829614"/>
          <a:ext cx="832057" cy="416028"/>
        </a:xfrm>
        <a:prstGeom prst="roundRect">
          <a:avLst>
            <a:gd name="adj" fmla="val 10000"/>
          </a:avLst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kern="1200" dirty="0"/>
            <a:t>顶埋</a:t>
          </a:r>
        </a:p>
      </dsp:txBody>
      <dsp:txXfrm>
        <a:off x="2344569" y="841799"/>
        <a:ext cx="807687" cy="391658"/>
      </dsp:txXfrm>
    </dsp:sp>
    <dsp:sp modelId="{9F07E69A-652F-431B-8CFF-E915AB75EF14}">
      <dsp:nvSpPr>
        <dsp:cNvPr id="0" name=""/>
        <dsp:cNvSpPr/>
      </dsp:nvSpPr>
      <dsp:spPr>
        <a:xfrm rot="19457599">
          <a:off x="3125916" y="905672"/>
          <a:ext cx="409872" cy="24697"/>
        </a:xfrm>
        <a:custGeom>
          <a:avLst/>
          <a:gdLst/>
          <a:ahLst/>
          <a:cxnLst/>
          <a:rect l="0" t="0" r="0" b="0"/>
          <a:pathLst>
            <a:path>
              <a:moveTo>
                <a:pt x="0" y="12348"/>
              </a:moveTo>
              <a:lnTo>
                <a:pt x="409872" y="12348"/>
              </a:lnTo>
            </a:path>
          </a:pathLst>
        </a:custGeom>
        <a:noFill/>
        <a:ln w="12700" cap="flat" cmpd="sng" algn="ctr">
          <a:solidFill>
            <a:schemeClr val="accent6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zh-CN" altLang="en-US" sz="500" kern="1200"/>
        </a:p>
      </dsp:txBody>
      <dsp:txXfrm>
        <a:off x="3320606" y="907774"/>
        <a:ext cx="20493" cy="20493"/>
      </dsp:txXfrm>
    </dsp:sp>
    <dsp:sp modelId="{49F92A84-E5D6-445C-94FF-FEB576E2AA59}">
      <dsp:nvSpPr>
        <dsp:cNvPr id="0" name=""/>
        <dsp:cNvSpPr/>
      </dsp:nvSpPr>
      <dsp:spPr>
        <a:xfrm>
          <a:off x="3497264" y="590398"/>
          <a:ext cx="2028207" cy="416028"/>
        </a:xfrm>
        <a:prstGeom prst="roundRect">
          <a:avLst>
            <a:gd name="adj" fmla="val 10000"/>
          </a:avLst>
        </a:prstGeom>
        <a:solidFill>
          <a:schemeClr val="accent6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u="sng" kern="1200" dirty="0">
              <a:solidFill>
                <a:srgbClr val="FFC000"/>
              </a:solidFill>
            </a:rPr>
            <a:t>当前幕墙线</a:t>
          </a:r>
          <a:r>
            <a:rPr lang="zh-CN" altLang="en-US" sz="900" kern="1200" dirty="0"/>
            <a:t>在</a:t>
          </a:r>
          <a:r>
            <a:rPr lang="zh-CN" altLang="en-US" sz="900" u="sng" kern="1200" dirty="0">
              <a:solidFill>
                <a:schemeClr val="accent3">
                  <a:lumMod val="100000"/>
                </a:schemeClr>
              </a:solidFill>
            </a:rPr>
            <a:t>楼板线</a:t>
          </a:r>
          <a:r>
            <a:rPr lang="zh-CN" altLang="en-US" sz="900" kern="1200" dirty="0"/>
            <a:t>内侧</a:t>
          </a:r>
        </a:p>
      </dsp:txBody>
      <dsp:txXfrm>
        <a:off x="3509449" y="602583"/>
        <a:ext cx="2003837" cy="391658"/>
      </dsp:txXfrm>
    </dsp:sp>
    <dsp:sp modelId="{E5430BCC-904B-4086-B74D-E2AA6B8CBFD8}">
      <dsp:nvSpPr>
        <dsp:cNvPr id="0" name=""/>
        <dsp:cNvSpPr/>
      </dsp:nvSpPr>
      <dsp:spPr>
        <a:xfrm>
          <a:off x="5525472" y="786064"/>
          <a:ext cx="332823" cy="24697"/>
        </a:xfrm>
        <a:custGeom>
          <a:avLst/>
          <a:gdLst/>
          <a:ahLst/>
          <a:cxnLst/>
          <a:rect l="0" t="0" r="0" b="0"/>
          <a:pathLst>
            <a:path>
              <a:moveTo>
                <a:pt x="0" y="12348"/>
              </a:moveTo>
              <a:lnTo>
                <a:pt x="332823" y="12348"/>
              </a:lnTo>
            </a:path>
          </a:pathLst>
        </a:custGeom>
        <a:noFill/>
        <a:ln w="12700" cap="flat" cmpd="sng" algn="ctr">
          <a:solidFill>
            <a:srgbClr val="E66E23"/>
          </a:solidFill>
          <a:prstDash val="solid"/>
          <a:miter lim="800000"/>
          <a:headEnd type="none" w="med" len="med"/>
          <a:tailEnd type="none" w="med" len="me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zh-CN" altLang="en-US" sz="500" kern="1200"/>
        </a:p>
      </dsp:txBody>
      <dsp:txXfrm>
        <a:off x="5683563" y="790092"/>
        <a:ext cx="16641" cy="16641"/>
      </dsp:txXfrm>
    </dsp:sp>
    <dsp:sp modelId="{5204269F-8B25-4F1F-9247-637EA273368A}">
      <dsp:nvSpPr>
        <dsp:cNvPr id="0" name=""/>
        <dsp:cNvSpPr/>
      </dsp:nvSpPr>
      <dsp:spPr>
        <a:xfrm>
          <a:off x="5858295" y="590398"/>
          <a:ext cx="1947381" cy="416028"/>
        </a:xfrm>
        <a:prstGeom prst="roundRect">
          <a:avLst>
            <a:gd name="adj" fmla="val 10000"/>
          </a:avLst>
        </a:prstGeom>
        <a:solidFill>
          <a:srgbClr val="E66E23"/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kern="1200" dirty="0"/>
            <a:t>以</a:t>
          </a:r>
          <a:r>
            <a:rPr lang="zh-CN" altLang="en-US" sz="900" u="sng" kern="1200" dirty="0">
              <a:solidFill>
                <a:srgbClr val="FFC000"/>
              </a:solidFill>
            </a:rPr>
            <a:t>当前幕墙线</a:t>
          </a:r>
          <a:r>
            <a:rPr lang="zh-CN" altLang="en-US" sz="900" kern="1200" dirty="0"/>
            <a:t>作为埋件定位边线</a:t>
          </a:r>
        </a:p>
      </dsp:txBody>
      <dsp:txXfrm>
        <a:off x="5870480" y="602583"/>
        <a:ext cx="1923011" cy="391658"/>
      </dsp:txXfrm>
    </dsp:sp>
    <dsp:sp modelId="{24A46E38-82A1-40EE-99DB-2AB247E1639B}">
      <dsp:nvSpPr>
        <dsp:cNvPr id="0" name=""/>
        <dsp:cNvSpPr/>
      </dsp:nvSpPr>
      <dsp:spPr>
        <a:xfrm rot="2142401">
          <a:off x="3125916" y="1144888"/>
          <a:ext cx="409872" cy="24697"/>
        </a:xfrm>
        <a:custGeom>
          <a:avLst/>
          <a:gdLst/>
          <a:ahLst/>
          <a:cxnLst/>
          <a:rect l="0" t="0" r="0" b="0"/>
          <a:pathLst>
            <a:path>
              <a:moveTo>
                <a:pt x="0" y="12348"/>
              </a:moveTo>
              <a:lnTo>
                <a:pt x="409872" y="12348"/>
              </a:lnTo>
            </a:path>
          </a:pathLst>
        </a:custGeom>
        <a:noFill/>
        <a:ln w="12700" cap="flat" cmpd="sng" algn="ctr">
          <a:solidFill>
            <a:schemeClr val="accent6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zh-CN" altLang="en-US" sz="500" kern="1200"/>
        </a:p>
      </dsp:txBody>
      <dsp:txXfrm>
        <a:off x="3320606" y="1146990"/>
        <a:ext cx="20493" cy="20493"/>
      </dsp:txXfrm>
    </dsp:sp>
    <dsp:sp modelId="{E5698EC7-758A-4B93-A039-FB02D78B2156}">
      <dsp:nvSpPr>
        <dsp:cNvPr id="0" name=""/>
        <dsp:cNvSpPr/>
      </dsp:nvSpPr>
      <dsp:spPr>
        <a:xfrm>
          <a:off x="3497264" y="1068831"/>
          <a:ext cx="2028207" cy="416028"/>
        </a:xfrm>
        <a:prstGeom prst="roundRect">
          <a:avLst>
            <a:gd name="adj" fmla="val 10000"/>
          </a:avLst>
        </a:prstGeom>
        <a:solidFill>
          <a:schemeClr val="accent6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u="sng" kern="1200" dirty="0">
              <a:solidFill>
                <a:srgbClr val="FFC000"/>
              </a:solidFill>
            </a:rPr>
            <a:t>当前幕墙线</a:t>
          </a:r>
          <a:r>
            <a:rPr lang="zh-CN" altLang="en-US" sz="900" kern="1200" dirty="0"/>
            <a:t>在</a:t>
          </a:r>
          <a:r>
            <a:rPr lang="zh-CN" altLang="en-US" sz="900" u="sng" kern="1200" dirty="0">
              <a:solidFill>
                <a:schemeClr val="accent3">
                  <a:lumMod val="100000"/>
                </a:schemeClr>
              </a:solidFill>
            </a:rPr>
            <a:t>楼板线</a:t>
          </a:r>
          <a:r>
            <a:rPr lang="zh-CN" altLang="en-US" sz="900" kern="1200" dirty="0"/>
            <a:t>外侧</a:t>
          </a:r>
        </a:p>
      </dsp:txBody>
      <dsp:txXfrm>
        <a:off x="3509449" y="1081016"/>
        <a:ext cx="2003837" cy="391658"/>
      </dsp:txXfrm>
    </dsp:sp>
    <dsp:sp modelId="{B436763A-A01B-4AEE-865B-A4E6D8E5A28F}">
      <dsp:nvSpPr>
        <dsp:cNvPr id="0" name=""/>
        <dsp:cNvSpPr/>
      </dsp:nvSpPr>
      <dsp:spPr>
        <a:xfrm>
          <a:off x="5525472" y="1264497"/>
          <a:ext cx="332823" cy="24697"/>
        </a:xfrm>
        <a:custGeom>
          <a:avLst/>
          <a:gdLst/>
          <a:ahLst/>
          <a:cxnLst/>
          <a:rect l="0" t="0" r="0" b="0"/>
          <a:pathLst>
            <a:path>
              <a:moveTo>
                <a:pt x="0" y="12348"/>
              </a:moveTo>
              <a:lnTo>
                <a:pt x="332823" y="12348"/>
              </a:lnTo>
            </a:path>
          </a:pathLst>
        </a:custGeom>
        <a:noFill/>
        <a:ln w="12700" cap="flat" cmpd="sng" algn="ctr">
          <a:solidFill>
            <a:srgbClr val="E66E23"/>
          </a:solidFill>
          <a:prstDash val="solid"/>
          <a:miter lim="800000"/>
          <a:headEnd type="none" w="med" len="med"/>
          <a:tailEnd type="none" w="med" len="me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zh-CN" altLang="en-US" sz="500" kern="1200"/>
        </a:p>
      </dsp:txBody>
      <dsp:txXfrm>
        <a:off x="5683563" y="1268525"/>
        <a:ext cx="16641" cy="16641"/>
      </dsp:txXfrm>
    </dsp:sp>
    <dsp:sp modelId="{03B50F59-8FBB-4493-A598-07350C2A8BB7}">
      <dsp:nvSpPr>
        <dsp:cNvPr id="0" name=""/>
        <dsp:cNvSpPr/>
      </dsp:nvSpPr>
      <dsp:spPr>
        <a:xfrm>
          <a:off x="5858295" y="1068831"/>
          <a:ext cx="1947381" cy="416028"/>
        </a:xfrm>
        <a:prstGeom prst="roundRect">
          <a:avLst>
            <a:gd name="adj" fmla="val 10000"/>
          </a:avLst>
        </a:prstGeom>
        <a:solidFill>
          <a:srgbClr val="E66E23"/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u="sng" kern="1200" dirty="0">
              <a:solidFill>
                <a:schemeClr val="accent3">
                  <a:lumMod val="100000"/>
                </a:schemeClr>
              </a:solidFill>
            </a:rPr>
            <a:t>楼板线</a:t>
          </a:r>
          <a:r>
            <a:rPr lang="zh-CN" altLang="en-US" sz="900" kern="1200" dirty="0"/>
            <a:t>作为埋件定位边线</a:t>
          </a:r>
        </a:p>
      </dsp:txBody>
      <dsp:txXfrm>
        <a:off x="5870480" y="1081016"/>
        <a:ext cx="1923011" cy="391658"/>
      </dsp:txXfrm>
    </dsp:sp>
    <dsp:sp modelId="{5D92F601-FF70-4BD8-A855-C531D7A570DE}">
      <dsp:nvSpPr>
        <dsp:cNvPr id="0" name=""/>
        <dsp:cNvSpPr/>
      </dsp:nvSpPr>
      <dsp:spPr>
        <a:xfrm rot="3310531">
          <a:off x="709685" y="1742930"/>
          <a:ext cx="582811" cy="24697"/>
        </a:xfrm>
        <a:custGeom>
          <a:avLst/>
          <a:gdLst/>
          <a:ahLst/>
          <a:cxnLst/>
          <a:rect l="0" t="0" r="0" b="0"/>
          <a:pathLst>
            <a:path>
              <a:moveTo>
                <a:pt x="0" y="12348"/>
              </a:moveTo>
              <a:lnTo>
                <a:pt x="582811" y="12348"/>
              </a:lnTo>
            </a:path>
          </a:pathLst>
        </a:custGeom>
        <a:noFill/>
        <a:ln w="12700" cap="flat" cmpd="sng" algn="ctr">
          <a:solidFill>
            <a:schemeClr val="accent4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zh-CN" altLang="en-US" sz="500" kern="1200"/>
        </a:p>
      </dsp:txBody>
      <dsp:txXfrm>
        <a:off x="986521" y="1740708"/>
        <a:ext cx="29140" cy="29140"/>
      </dsp:txXfrm>
    </dsp:sp>
    <dsp:sp modelId="{E33139FB-46F1-41FB-BBA3-A122C6359C5A}">
      <dsp:nvSpPr>
        <dsp:cNvPr id="0" name=""/>
        <dsp:cNvSpPr/>
      </dsp:nvSpPr>
      <dsp:spPr>
        <a:xfrm>
          <a:off x="1167503" y="1786481"/>
          <a:ext cx="832057" cy="416028"/>
        </a:xfrm>
        <a:prstGeom prst="roundRect">
          <a:avLst>
            <a:gd name="adj" fmla="val 1000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kern="1200" dirty="0"/>
            <a:t>楼板下部</a:t>
          </a:r>
        </a:p>
      </dsp:txBody>
      <dsp:txXfrm>
        <a:off x="1179688" y="1798666"/>
        <a:ext cx="807687" cy="391658"/>
      </dsp:txXfrm>
    </dsp:sp>
    <dsp:sp modelId="{9F920CB1-3FE3-4352-B3CF-256F562C7A47}">
      <dsp:nvSpPr>
        <dsp:cNvPr id="0" name=""/>
        <dsp:cNvSpPr/>
      </dsp:nvSpPr>
      <dsp:spPr>
        <a:xfrm rot="19457599">
          <a:off x="1961036" y="1862538"/>
          <a:ext cx="409872" cy="24697"/>
        </a:xfrm>
        <a:custGeom>
          <a:avLst/>
          <a:gdLst/>
          <a:ahLst/>
          <a:cxnLst/>
          <a:rect l="0" t="0" r="0" b="0"/>
          <a:pathLst>
            <a:path>
              <a:moveTo>
                <a:pt x="0" y="12348"/>
              </a:moveTo>
              <a:lnTo>
                <a:pt x="409872" y="12348"/>
              </a:lnTo>
            </a:path>
          </a:pathLst>
        </a:custGeom>
        <a:noFill/>
        <a:ln w="12700" cap="flat" cmpd="sng" algn="ctr">
          <a:solidFill>
            <a:schemeClr val="accent5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zh-CN" altLang="en-US" sz="500" kern="1200"/>
        </a:p>
      </dsp:txBody>
      <dsp:txXfrm>
        <a:off x="2155725" y="1864640"/>
        <a:ext cx="20493" cy="20493"/>
      </dsp:txXfrm>
    </dsp:sp>
    <dsp:sp modelId="{7BC205F4-0E32-48A4-8882-AE94E3B06F6A}">
      <dsp:nvSpPr>
        <dsp:cNvPr id="0" name=""/>
        <dsp:cNvSpPr/>
      </dsp:nvSpPr>
      <dsp:spPr>
        <a:xfrm>
          <a:off x="2332384" y="1547264"/>
          <a:ext cx="832057" cy="416028"/>
        </a:xfrm>
        <a:prstGeom prst="roundRect">
          <a:avLst>
            <a:gd name="adj" fmla="val 10000"/>
          </a:avLst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b="1" u="sng" kern="1200" dirty="0">
              <a:solidFill>
                <a:srgbClr val="1E9BD7"/>
              </a:solidFill>
            </a:rPr>
            <a:t>有檐口线范围</a:t>
          </a:r>
        </a:p>
      </dsp:txBody>
      <dsp:txXfrm>
        <a:off x="2344569" y="1559449"/>
        <a:ext cx="807687" cy="391658"/>
      </dsp:txXfrm>
    </dsp:sp>
    <dsp:sp modelId="{A692A01B-1ACF-4664-B546-FB5320AFB76F}">
      <dsp:nvSpPr>
        <dsp:cNvPr id="0" name=""/>
        <dsp:cNvSpPr/>
      </dsp:nvSpPr>
      <dsp:spPr>
        <a:xfrm>
          <a:off x="3164441" y="1742930"/>
          <a:ext cx="332823" cy="24697"/>
        </a:xfrm>
        <a:custGeom>
          <a:avLst/>
          <a:gdLst/>
          <a:ahLst/>
          <a:cxnLst/>
          <a:rect l="0" t="0" r="0" b="0"/>
          <a:pathLst>
            <a:path>
              <a:moveTo>
                <a:pt x="0" y="12348"/>
              </a:moveTo>
              <a:lnTo>
                <a:pt x="332823" y="12348"/>
              </a:lnTo>
            </a:path>
          </a:pathLst>
        </a:custGeom>
        <a:noFill/>
        <a:ln w="12700" cap="flat" cmpd="sng" algn="ctr">
          <a:solidFill>
            <a:schemeClr val="accent6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zh-CN" altLang="en-US" sz="500" kern="1200"/>
        </a:p>
      </dsp:txBody>
      <dsp:txXfrm>
        <a:off x="3322532" y="1746958"/>
        <a:ext cx="16641" cy="16641"/>
      </dsp:txXfrm>
    </dsp:sp>
    <dsp:sp modelId="{3BED307F-981D-44CD-8243-C3EA4D744E17}">
      <dsp:nvSpPr>
        <dsp:cNvPr id="0" name=""/>
        <dsp:cNvSpPr/>
      </dsp:nvSpPr>
      <dsp:spPr>
        <a:xfrm>
          <a:off x="3497264" y="1547264"/>
          <a:ext cx="2028207" cy="416028"/>
        </a:xfrm>
        <a:prstGeom prst="roundRect">
          <a:avLst>
            <a:gd name="adj" fmla="val 10000"/>
          </a:avLst>
        </a:prstGeom>
        <a:solidFill>
          <a:srgbClr val="50697D"/>
        </a:solidFill>
        <a:ln w="19050" cap="flat" cmpd="sng" algn="ctr">
          <a:solidFill>
            <a:srgbClr val="50697D"/>
          </a:solidFill>
          <a:prstDash val="solid"/>
          <a:miter lim="800000"/>
          <a:headEnd type="none" w="med" len="med"/>
          <a:tailEnd type="none" w="med" len="med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kern="1200" dirty="0"/>
            <a:t>侧埋</a:t>
          </a:r>
        </a:p>
      </dsp:txBody>
      <dsp:txXfrm>
        <a:off x="3509449" y="1559449"/>
        <a:ext cx="2003837" cy="391658"/>
      </dsp:txXfrm>
    </dsp:sp>
    <dsp:sp modelId="{74C4097D-45C5-4729-8A5D-C822FF6EF61C}">
      <dsp:nvSpPr>
        <dsp:cNvPr id="0" name=""/>
        <dsp:cNvSpPr/>
      </dsp:nvSpPr>
      <dsp:spPr>
        <a:xfrm rot="2142401">
          <a:off x="1961036" y="2101755"/>
          <a:ext cx="409872" cy="24697"/>
        </a:xfrm>
        <a:custGeom>
          <a:avLst/>
          <a:gdLst/>
          <a:ahLst/>
          <a:cxnLst/>
          <a:rect l="0" t="0" r="0" b="0"/>
          <a:pathLst>
            <a:path>
              <a:moveTo>
                <a:pt x="0" y="12348"/>
              </a:moveTo>
              <a:lnTo>
                <a:pt x="409872" y="12348"/>
              </a:lnTo>
            </a:path>
          </a:pathLst>
        </a:custGeom>
        <a:noFill/>
        <a:ln w="12700" cap="flat" cmpd="sng" algn="ctr">
          <a:solidFill>
            <a:schemeClr val="accent5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zh-CN" altLang="en-US" sz="500" kern="1200"/>
        </a:p>
      </dsp:txBody>
      <dsp:txXfrm>
        <a:off x="2155725" y="2103857"/>
        <a:ext cx="20493" cy="20493"/>
      </dsp:txXfrm>
    </dsp:sp>
    <dsp:sp modelId="{48260F3C-1336-4937-A1F4-0CEAA376625F}">
      <dsp:nvSpPr>
        <dsp:cNvPr id="0" name=""/>
        <dsp:cNvSpPr/>
      </dsp:nvSpPr>
      <dsp:spPr>
        <a:xfrm>
          <a:off x="2332384" y="2025697"/>
          <a:ext cx="832057" cy="416028"/>
        </a:xfrm>
        <a:prstGeom prst="roundRect">
          <a:avLst>
            <a:gd name="adj" fmla="val 10000"/>
          </a:avLst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kern="1200" dirty="0"/>
            <a:t>无檐口线范围</a:t>
          </a:r>
        </a:p>
      </dsp:txBody>
      <dsp:txXfrm>
        <a:off x="2344569" y="2037882"/>
        <a:ext cx="807687" cy="391658"/>
      </dsp:txXfrm>
    </dsp:sp>
    <dsp:sp modelId="{8B39E1AC-9E4F-4621-94CD-B5AED05CAD22}">
      <dsp:nvSpPr>
        <dsp:cNvPr id="0" name=""/>
        <dsp:cNvSpPr/>
      </dsp:nvSpPr>
      <dsp:spPr>
        <a:xfrm>
          <a:off x="3164441" y="2221363"/>
          <a:ext cx="332823" cy="24697"/>
        </a:xfrm>
        <a:custGeom>
          <a:avLst/>
          <a:gdLst/>
          <a:ahLst/>
          <a:cxnLst/>
          <a:rect l="0" t="0" r="0" b="0"/>
          <a:pathLst>
            <a:path>
              <a:moveTo>
                <a:pt x="0" y="12348"/>
              </a:moveTo>
              <a:lnTo>
                <a:pt x="332823" y="12348"/>
              </a:lnTo>
            </a:path>
          </a:pathLst>
        </a:custGeom>
        <a:noFill/>
        <a:ln w="12700" cap="flat" cmpd="sng" algn="ctr">
          <a:solidFill>
            <a:schemeClr val="accent6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zh-CN" altLang="en-US" sz="500" kern="1200"/>
        </a:p>
      </dsp:txBody>
      <dsp:txXfrm>
        <a:off x="3322532" y="2225391"/>
        <a:ext cx="16641" cy="16641"/>
      </dsp:txXfrm>
    </dsp:sp>
    <dsp:sp modelId="{A7919481-F288-4186-A7BB-58EE352582E9}">
      <dsp:nvSpPr>
        <dsp:cNvPr id="0" name=""/>
        <dsp:cNvSpPr/>
      </dsp:nvSpPr>
      <dsp:spPr>
        <a:xfrm>
          <a:off x="3497264" y="2025697"/>
          <a:ext cx="2028207" cy="416028"/>
        </a:xfrm>
        <a:prstGeom prst="roundRect">
          <a:avLst>
            <a:gd name="adj" fmla="val 10000"/>
          </a:avLst>
        </a:prstGeom>
        <a:solidFill>
          <a:srgbClr val="50697D"/>
        </a:solidFill>
        <a:ln w="19050" cap="flat" cmpd="sng" algn="ctr">
          <a:solidFill>
            <a:srgbClr val="50697D"/>
          </a:solidFill>
          <a:prstDash val="solid"/>
          <a:miter lim="800000"/>
          <a:headEnd type="none" w="med" len="med"/>
          <a:tailEnd type="none" w="med" len="med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marL="0" lvl="0" indent="0" algn="ctr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zh-CN" altLang="en-US" sz="900" u="sng" kern="1200" dirty="0">
              <a:solidFill>
                <a:schemeClr val="accent5">
                  <a:lumMod val="100000"/>
                </a:schemeClr>
              </a:solidFill>
            </a:rPr>
            <a:t>下层幕墙线</a:t>
          </a:r>
          <a:r>
            <a:rPr lang="zh-CN" altLang="en-US" sz="900" kern="1200" dirty="0"/>
            <a:t>与钢结构线进行范围判定</a:t>
          </a:r>
        </a:p>
      </dsp:txBody>
      <dsp:txXfrm>
        <a:off x="3509449" y="2037882"/>
        <a:ext cx="2003837" cy="391658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ierarchy2">
  <dgm:title val=""/>
  <dgm:desc val=""/>
  <dgm:catLst>
    <dgm:cat type="hierarchy" pri="5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diagram">
    <dgm:varLst>
      <dgm:chPref val="1"/>
      <dgm:dir/>
      <dgm:animOne val="branch"/>
      <dgm:animLvl val="lvl"/>
      <dgm:resizeHandles val="exact"/>
    </dgm:varLst>
    <dgm:choose name="Name0">
      <dgm:if name="Name1" func="var" arg="dir" op="equ" val="norm">
        <dgm:alg type="hierChild">
          <dgm:param type="linDir" val="fromT"/>
          <dgm:param type="chAlign" val="l"/>
        </dgm:alg>
      </dgm:if>
      <dgm:else name="Name2">
        <dgm:alg type="hierChild">
          <dgm:param type="linDir" val="fromT"/>
          <dgm:param type="ch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des" ptType="node" refType="h"/>
      <dgm:constr type="w" for="des" ptType="node" refType="h" refFor="des" refPtType="node" fact="2"/>
      <dgm:constr type="sibSp" refType="h" refFor="des" refPtType="node" op="equ" fact="0.15"/>
      <dgm:constr type="sibSp" for="des" forName="level2hierChild" refType="h" refFor="des" refPtType="node" op="equ" fact="0.15"/>
      <dgm:constr type="sibSp" for="des" forName="level3hierChild" refType="h" refFor="des" refPtType="node" op="equ" fact="0.15"/>
      <dgm:constr type="sp" for="des" forName="root1" refType="w" refFor="des" refPtType="node" fact="0.4"/>
      <dgm:constr type="sp" for="des" forName="root2" refType="sp" refFor="des" refForName="root1" op="equ"/>
      <dgm:constr type="primFontSz" for="des" ptType="node" op="equ" val="65"/>
      <dgm:constr type="primFontSz" for="des" forName="connTx" op="equ" val="55"/>
      <dgm:constr type="primFontSz" for="des" forName="connTx" refType="primFontSz" refFor="des" refPtType="node" op="lte" fact="0.8"/>
    </dgm:constrLst>
    <dgm:ruleLst/>
    <dgm:forEach name="Name3" axis="ch">
      <dgm:forEach name="Name4" axis="self" ptType="node">
        <dgm:layoutNode name="root1">
          <dgm:choose name="Name5">
            <dgm:if name="Name6" func="var" arg="dir" op="equ" val="norm">
              <dgm:alg type="hierRoot">
                <dgm:param type="hierAlign" val="lCtrCh"/>
              </dgm:alg>
            </dgm:if>
            <dgm:else name="Name7">
              <dgm:alg type="hierRoot">
                <dgm:param type="hierAlign" val="rCtrCh"/>
              </dgm:alg>
            </dgm:else>
          </dgm:choose>
          <dgm:shape xmlns:r="http://schemas.openxmlformats.org/officeDocument/2006/relationships" r:blip="">
            <dgm:adjLst/>
          </dgm:shape>
          <dgm:presOf/>
          <dgm:constrLst/>
          <dgm:ruleLst/>
          <dgm:layoutNode name="LevelOneTextNode" styleLbl="node0">
            <dgm:varLst>
              <dgm:chPref val="3"/>
            </dgm:varLst>
            <dgm:alg type="tx"/>
            <dgm:shape xmlns:r="http://schemas.openxmlformats.org/officeDocument/2006/relationships" type="roundRect" r:blip="">
              <dgm:adjLst>
                <dgm:adj idx="1" val="0.1"/>
              </dgm:adjLst>
            </dgm:shape>
            <dgm:presOf axis="self"/>
            <dgm:constrLst>
              <dgm:constr type="tMarg" refType="primFontSz" fact="0.05"/>
              <dgm:constr type="bMarg" refType="primFontSz" fact="0.05"/>
              <dgm:constr type="lMarg" refType="primFontSz" fact="0.05"/>
              <dgm:constr type="rMarg" refType="primFontSz" fact="0.05"/>
            </dgm:constrLst>
            <dgm:ruleLst>
              <dgm:rule type="primFontSz" val="5" fact="NaN" max="NaN"/>
            </dgm:ruleLst>
          </dgm:layoutNode>
          <dgm:layoutNode name="level2hierChild">
            <dgm:choose name="Name8">
              <dgm:if name="Name9" func="var" arg="dir" op="equ" val="norm">
                <dgm:alg type="hierChild">
                  <dgm:param type="linDir" val="fromT"/>
                  <dgm:param type="chAlign" val="l"/>
                </dgm:alg>
              </dgm:if>
              <dgm:else name="Name10">
                <dgm:alg type="hierChild">
                  <dgm:param type="linDir" val="fromT"/>
                  <dgm:param type="chAlign" val="r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eat" axis="ch">
              <dgm:forEach name="Name11" axis="self" ptType="parTrans" cnt="1">
                <dgm:layoutNode name="conn2-1">
                  <dgm:choose name="Name12">
                    <dgm:if name="Name13" func="var" arg="dir" op="equ" val="norm">
                      <dgm:alg type="conn">
                        <dgm:param type="dim" val="1D"/>
                        <dgm:param type="begPts" val="midR"/>
                        <dgm:param type="endPts" val="midL"/>
                        <dgm:param type="endSty" val="noArr"/>
                      </dgm:alg>
                    </dgm:if>
                    <dgm:else name="Name14">
                      <dgm:alg type="conn">
                        <dgm:param type="dim" val="1D"/>
                        <dgm:param type="begPts" val="midL"/>
                        <dgm:param type="endPts" val="midR"/>
                        <dgm:param type="endSty" val="noArr"/>
                      </dgm:alg>
                    </dgm:else>
                  </dgm:choose>
                  <dgm:shape xmlns:r="http://schemas.openxmlformats.org/officeDocument/2006/relationships" type="conn" r:blip="">
                    <dgm:adjLst/>
                  </dgm:shape>
                  <dgm:presOf axis="self"/>
                  <dgm:constrLst>
                    <dgm:constr type="w" val="1"/>
                    <dgm:constr type="h" val="5"/>
                    <dgm:constr type="connDist"/>
                    <dgm:constr type="begPad"/>
                    <dgm:constr type="endPad"/>
                    <dgm:constr type="userA" for="ch" refType="connDist"/>
                  </dgm:constrLst>
                  <dgm:ruleLst/>
                  <dgm:layoutNode name="connTx">
                    <dgm:alg type="tx">
                      <dgm:param type="autoTxRot" val="grav"/>
                    </dgm:alg>
                    <dgm:shape xmlns:r="http://schemas.openxmlformats.org/officeDocument/2006/relationships" type="rect" r:blip="" hideGeom="1">
                      <dgm:adjLst/>
                    </dgm:shape>
                    <dgm:presOf axis="self"/>
                    <dgm:constrLst>
                      <dgm:constr type="userA"/>
                      <dgm:constr type="w" refType="userA" fact="0.05"/>
                      <dgm:constr type="h" refType="userA" fact="0.05"/>
                      <dgm:constr type="lMarg" val="1"/>
                      <dgm:constr type="rMarg" val="1"/>
                      <dgm:constr type="tMarg"/>
                      <dgm:constr type="bMarg"/>
                    </dgm:constrLst>
                    <dgm:ruleLst>
                      <dgm:rule type="h" val="NaN" fact="0.25" max="NaN"/>
                      <dgm:rule type="w" val="NaN" fact="0.8" max="NaN"/>
                      <dgm:rule type="primFontSz" val="5" fact="NaN" max="NaN"/>
                    </dgm:ruleLst>
                  </dgm:layoutNode>
                </dgm:layoutNode>
              </dgm:forEach>
              <dgm:forEach name="Name15" axis="self" ptType="node">
                <dgm:layoutNode name="root2">
                  <dgm:choose name="Name16">
                    <dgm:if name="Name17" func="var" arg="dir" op="equ" val="norm">
                      <dgm:alg type="hierRoot">
                        <dgm:param type="hierAlign" val="lCtrCh"/>
                      </dgm:alg>
                    </dgm:if>
                    <dgm:else name="Name18">
                      <dgm:alg type="hierRoot">
                        <dgm:param type="hierAlign" val="rCtrCh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layoutNode name="LevelTwoTextNode">
                    <dgm:varLst>
                      <dgm:chPref val="3"/>
                    </dgm:varLst>
                    <dgm:alg type="tx"/>
                    <dgm:shape xmlns:r="http://schemas.openxmlformats.org/officeDocument/2006/relationships" type="roundRect" r:blip="">
                      <dgm:adjLst>
                        <dgm:adj idx="1" val="0.1"/>
                      </dgm:adjLst>
                    </dgm:shape>
                    <dgm:presOf axis="self"/>
                    <dgm:constrLst>
                      <dgm:constr type="tMarg" refType="primFontSz" fact="0.05"/>
                      <dgm:constr type="bMarg" refType="primFontSz" fact="0.05"/>
                      <dgm:constr type="lMarg" refType="primFontSz" fact="0.05"/>
                      <dgm:constr type="r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level3hierChild">
                    <dgm:choose name="Name19">
                      <dgm:if name="Name20" func="var" arg="dir" op="equ" val="norm">
                        <dgm:alg type="hierChild">
                          <dgm:param type="linDir" val="fromT"/>
                          <dgm:param type="chAlign" val="l"/>
                        </dgm:alg>
                      </dgm:if>
                      <dgm:else name="Name21">
                        <dgm:alg type="hierChild">
                          <dgm:param type="linDir" val="fromT"/>
                          <dgm:param type="chAlign" val="r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  <dgm:forEach name="Name22" ref="repeat"/>
                  </dgm:layoutNode>
                </dgm:layoutNode>
              </dgm:forEach>
            </dgm:forEach>
          </dgm:layoutNode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9/11/2022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9/11/2022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Relationship Id="rId9" Type="http://schemas.openxmlformats.org/officeDocument/2006/relationships/image" Target="../media/image16.png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D3B89D64-B650-4E0A-8B77-69ECF95B5A0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818902" y="443806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F48DFA86-33C4-4DBB-A0EA-DB28DC4C2F9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17385FF2-54BC-4585-AC9A-665DB93EBA1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 marL="0" indent="0">
              <a:buNone/>
              <a:tabLst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25FEAC-FB2A-4E04-A1F0-34E6995C213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DF5D933-4575-418D-9DE4-A56E4CA0F5B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E4065B15-25FC-46BC-A06F-AA8614ED848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449554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58A093A2-8ED3-43CD-B950-888106990D8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AAEC3064-9F37-42F0-B69D-798280580D8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  <p:sp>
        <p:nvSpPr>
          <p:cNvPr id="16" name="Copyright">
            <a:extLst>
              <a:ext uri="{FF2B5EF4-FFF2-40B4-BE49-F238E27FC236}">
                <a16:creationId xmlns:a16="http://schemas.microsoft.com/office/drawing/2014/main" id="{26B28194-B07A-45AB-9333-5AF168E3549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4501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solidFill>
                  <a:schemeClr val="bg2"/>
                </a:solidFill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74380270-8197-433E-A5D1-E3D82ED41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C618A0A1-0C41-4356-B539-41589BCD47A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s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4C55AA7F-7F5F-4DD5-975C-5E71125E73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58303337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B103D9E7-7EBB-4C59-9839-7BB8AD86889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7AECFC4F-8375-498A-991F-37153AF1D3B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sting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772E8618-79E2-441E-943F-50F0CC1684F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08316481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H version_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CE23DF35-FFD6-46A0-BDB8-3327ABA5D765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88525431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4A7345B-4D74-49C1-930D-4BBB5DA9EEB3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54D6592C-B81E-4F2C-B832-B37C57FA122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10480765" y="1753221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02980B71-BDCC-4079-B6D7-3CC746B4148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91B7738-066C-4911-AC10-569A55E17FD6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816453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C6A9BF4B-165D-4233-A4AE-023A5ABBEDE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8F8B7E56-553E-4DA9-BD1C-5D50952E0D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554515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34CEC00F-8512-460C-9061-435C1FC758AA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 rot="16200000">
            <a:off x="10480765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CC1F608D-03EF-4B00-A8C1-A5D9080D1FE8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 rot="16200000">
            <a:off x="7554516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F4C3D172-D8AB-40B9-AD21-E3633B28148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1020764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E07B621F-C3D1-402D-8EC2-6149DBF2C88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8094515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4" name="Copyright">
            <a:extLst>
              <a:ext uri="{FF2B5EF4-FFF2-40B4-BE49-F238E27FC236}">
                <a16:creationId xmlns:a16="http://schemas.microsoft.com/office/drawing/2014/main" id="{30093E19-D22B-454E-B253-1E3037C14F47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11020765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5" name="Copyright">
            <a:extLst>
              <a:ext uri="{FF2B5EF4-FFF2-40B4-BE49-F238E27FC236}">
                <a16:creationId xmlns:a16="http://schemas.microsoft.com/office/drawing/2014/main" id="{9CC18F20-0ED4-4F22-9C04-D7DF968B573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8094516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220A206B-2A5A-432F-B817-4CF5D5214EE1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1020766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7" name="Copyright">
            <a:extLst>
              <a:ext uri="{FF2B5EF4-FFF2-40B4-BE49-F238E27FC236}">
                <a16:creationId xmlns:a16="http://schemas.microsoft.com/office/drawing/2014/main" id="{47A70906-00C8-46B4-A8C8-E1DEAC6A2040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8094517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C2BAEB83-C0F6-49C3-824E-91581597843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5441378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06BA3D43-5A99-42FF-9C1D-50DA5EA3C25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00043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6" name="Copyright">
            <a:extLst>
              <a:ext uri="{FF2B5EF4-FFF2-40B4-BE49-F238E27FC236}">
                <a16:creationId xmlns:a16="http://schemas.microsoft.com/office/drawing/2014/main" id="{14BBA61A-149B-4318-957B-7CBC65271626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5441379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7" name="Copyright">
            <a:extLst>
              <a:ext uri="{FF2B5EF4-FFF2-40B4-BE49-F238E27FC236}">
                <a16:creationId xmlns:a16="http://schemas.microsoft.com/office/drawing/2014/main" id="{7DF0C480-D791-4D19-B83C-E032A4974133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-100042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4" name="Copyright">
            <a:extLst>
              <a:ext uri="{FF2B5EF4-FFF2-40B4-BE49-F238E27FC236}">
                <a16:creationId xmlns:a16="http://schemas.microsoft.com/office/drawing/2014/main" id="{5483EB19-998C-4763-8E8E-E11ED37F0FB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8335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50EF55B1-84B6-47C6-A9DD-73DF3C7CB8D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433263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7597ACA5-BAFF-4F69-A27C-CC42E930FC5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0438597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727AEC6E-0B13-4AE0-963F-9E317D70C9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729012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0886C253-7D1A-44B3-BD61-DA9FCBA67F6C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3013500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DAA6FF9A-F009-49E2-9244-B19010D14F35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 rot="16200000">
            <a:off x="10429452" y="2954637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8" name="Picture Placeholder 5">
            <a:extLst>
              <a:ext uri="{FF2B5EF4-FFF2-40B4-BE49-F238E27FC236}">
                <a16:creationId xmlns:a16="http://schemas.microsoft.com/office/drawing/2014/main" id="{ED5DFF67-256E-4BA0-B43C-D5CBD4D62F64}"/>
              </a:ext>
            </a:extLst>
          </p:cNvPr>
          <p:cNvSpPr>
            <a:spLocks noGrp="1"/>
          </p:cNvSpPr>
          <p:nvPr>
            <p:ph type="pic" sz="quarter" idx="70" hasCustomPrompt="1"/>
          </p:nvPr>
        </p:nvSpPr>
        <p:spPr>
          <a:xfrm>
            <a:off x="9013188" y="1805242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9" name="Copyright">
            <a:extLst>
              <a:ext uri="{FF2B5EF4-FFF2-40B4-BE49-F238E27FC236}">
                <a16:creationId xmlns:a16="http://schemas.microsoft.com/office/drawing/2014/main" id="{4646808F-ADC5-496F-BB90-E0DFAD28C2F4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 rot="16200000">
            <a:off x="10429452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B341DC74-1817-47AE-AD29-20A16E784251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 rot="16200000">
            <a:off x="7615979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1" name="Copyright">
            <a:extLst>
              <a:ext uri="{FF2B5EF4-FFF2-40B4-BE49-F238E27FC236}">
                <a16:creationId xmlns:a16="http://schemas.microsoft.com/office/drawing/2014/main" id="{489578E9-FF2D-4ED4-A34F-254B0035111E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 rot="16200000">
            <a:off x="4879043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2" name="Copyright">
            <a:extLst>
              <a:ext uri="{FF2B5EF4-FFF2-40B4-BE49-F238E27FC236}">
                <a16:creationId xmlns:a16="http://schemas.microsoft.com/office/drawing/2014/main" id="{F9BE0760-36BE-4E10-A52A-31801D404376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 rot="16200000">
            <a:off x="2065570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51227C5-83F5-4CE5-A066-ABCED3EA89D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877054-906F-4483-A462-E297703E3BE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4220E0C-11C5-47FC-9A82-A7C92F87892E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7CE773-3306-49AE-B08B-63091F61AF9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2288666-815B-4FFB-8AD7-A7F1EF86EB73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C762258-F70B-432D-97B4-9C3E57507F42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B024D79-E118-4261-B0FE-78FF659D456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30946E7-114D-43EE-ABEB-A30D465A342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36D4DA48-61E1-4E18-8037-8A7AC9F90C6F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06710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Copyright">
            <a:extLst>
              <a:ext uri="{FF2B5EF4-FFF2-40B4-BE49-F238E27FC236}">
                <a16:creationId xmlns:a16="http://schemas.microsoft.com/office/drawing/2014/main" id="{A3ACC3AE-95D0-44AA-808F-F9FD3C99ABC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3622149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8BAB32CB-BB1C-45FF-86A5-B1398EE9A803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42EEB2C-2FA6-4E60-8BC0-3B0A200FE69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 rot="16200000">
            <a:off x="4360211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7392EE9F-7032-44FA-9700-6A84928DA764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98F55F89-83E9-43FE-BEE5-0B42464546FD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4360212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A2E1D88-07B2-471E-90A1-74C7AD1E275B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050EE8D4-F5B0-4390-AF5C-1EAA874A7F46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8FAE7B5C-6B8D-4484-9545-E71653BA2F27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 rot="16200000">
            <a:off x="642188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FF2B36E2-7D6D-48C3-A60D-214213665E5C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 rot="16200000">
            <a:off x="642188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652D745A-E943-4EFF-8B4F-6FD8C1784249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 rot="16200000">
            <a:off x="2296269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889B75A5-26AB-431B-A907-6EF11975EB12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 rot="16200000">
            <a:off x="2296270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F602C899-8005-40F8-A9B0-E4F2A7E8611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3742587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C101D9F4-BB9A-4CE5-84BF-D5DBCF64087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Decrease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Reset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0" kern="1200" dirty="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Layout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mage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ols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ll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85200809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F5ECD375-0233-4248-828F-785FB172D7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977257" y="441672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5">
            <a:extLst>
              <a:ext uri="{96DAC541-7B7A-43D3-8B79-37D633B846F1}">
                <asvg:svgBlip xmlns:asvg="http://schemas.microsoft.com/office/drawing/2016/SVG/main" r:embed="rId56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791" r:id="rId2"/>
    <p:sldLayoutId id="2147483910" r:id="rId3"/>
    <p:sldLayoutId id="2147483840" r:id="rId4"/>
    <p:sldLayoutId id="2147483792" r:id="rId5"/>
    <p:sldLayoutId id="2147483908" r:id="rId6"/>
    <p:sldLayoutId id="2147483663" r:id="rId7"/>
    <p:sldLayoutId id="2147483699" r:id="rId8"/>
    <p:sldLayoutId id="2147483650" r:id="rId9"/>
    <p:sldLayoutId id="2147483751" r:id="rId10"/>
    <p:sldLayoutId id="2147483664" r:id="rId11"/>
    <p:sldLayoutId id="2147483691" r:id="rId12"/>
    <p:sldLayoutId id="2147483690" r:id="rId13"/>
    <p:sldLayoutId id="2147483923" r:id="rId14"/>
    <p:sldLayoutId id="2147483825" r:id="rId15"/>
    <p:sldLayoutId id="2147483928" r:id="rId16"/>
    <p:sldLayoutId id="2147483929" r:id="rId17"/>
    <p:sldLayoutId id="2147483890" r:id="rId18"/>
    <p:sldLayoutId id="2147483920" r:id="rId19"/>
    <p:sldLayoutId id="2147483926" r:id="rId20"/>
    <p:sldLayoutId id="2147483985" r:id="rId21"/>
    <p:sldLayoutId id="2147483930" r:id="rId22"/>
    <p:sldLayoutId id="2147483927" r:id="rId23"/>
    <p:sldLayoutId id="2147483986" r:id="rId24"/>
    <p:sldLayoutId id="2147483984" r:id="rId25"/>
    <p:sldLayoutId id="2147483827" r:id="rId26"/>
    <p:sldLayoutId id="2147483912" r:id="rId27"/>
    <p:sldLayoutId id="2147483913" r:id="rId28"/>
    <p:sldLayoutId id="2147483914" r:id="rId29"/>
    <p:sldLayoutId id="2147483838" r:id="rId30"/>
    <p:sldLayoutId id="2147483836" r:id="rId31"/>
    <p:sldLayoutId id="2147483837" r:id="rId32"/>
    <p:sldLayoutId id="2147483921" r:id="rId33"/>
    <p:sldLayoutId id="2147483917" r:id="rId34"/>
    <p:sldLayoutId id="2147483916" r:id="rId35"/>
    <p:sldLayoutId id="2147483925" r:id="rId36"/>
    <p:sldLayoutId id="2147483918" r:id="rId37"/>
    <p:sldLayoutId id="2147483924" r:id="rId38"/>
    <p:sldLayoutId id="2147483922" r:id="rId39"/>
    <p:sldLayoutId id="2147483919" r:id="rId40"/>
    <p:sldLayoutId id="2147483867" r:id="rId41"/>
    <p:sldLayoutId id="2147483868" r:id="rId42"/>
    <p:sldLayoutId id="2147483869" r:id="rId43"/>
    <p:sldLayoutId id="2147483870" r:id="rId44"/>
    <p:sldLayoutId id="2147483871" r:id="rId45"/>
    <p:sldLayoutId id="2147483882" r:id="rId46"/>
    <p:sldLayoutId id="2147483883" r:id="rId47"/>
    <p:sldLayoutId id="2147483911" r:id="rId48"/>
    <p:sldLayoutId id="2147483884" r:id="rId49"/>
    <p:sldLayoutId id="2147483885" r:id="rId50"/>
    <p:sldLayoutId id="2147483909" r:id="rId51"/>
    <p:sldLayoutId id="2147483931" r:id="rId52"/>
    <p:sldLayoutId id="2147483932" r:id="rId53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A7BF1C5-7763-46CF-A208-CA72561C0F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797B1-B762-4D63-983D-2C87F33B01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179541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6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Relationship Id="rId9" Type="http://schemas.openxmlformats.org/officeDocument/2006/relationships/image" Target="../media/image1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AA3CE3-ED69-42DA-8130-726BB19528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zh-CN" altLang="en-US" dirty="0"/>
              <a:t>金桥裙房，埋件范围判定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86C8877-7F80-4FF2-9527-36A270CE963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8813" y="1811337"/>
            <a:ext cx="10874375" cy="1445047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zh-CN" altLang="en-US" sz="1800" dirty="0">
                <a:latin typeface="等线" panose="02010600030101010101" pitchFamily="2" charset="-122"/>
                <a:ea typeface="等线" panose="02010600030101010101" pitchFamily="2" charset="-122"/>
              </a:rPr>
              <a:t>判断是不是连续幕墙</a:t>
            </a:r>
            <a:endParaRPr lang="en-US" altLang="zh-CN" sz="1800" dirty="0">
              <a:latin typeface="等线" panose="02010600030101010101" pitchFamily="2" charset="-122"/>
              <a:ea typeface="等线" panose="02010600030101010101" pitchFamily="2" charset="-122"/>
            </a:endParaRPr>
          </a:p>
          <a:p>
            <a:pPr lvl="4"/>
            <a:r>
              <a:rPr lang="zh-CN" altLang="en-US" sz="1800" u="sng" dirty="0">
                <a:solidFill>
                  <a:srgbClr val="FFC000"/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当前幕墙线</a:t>
            </a:r>
            <a:r>
              <a:rPr lang="zh-CN" altLang="en-US" sz="1800" dirty="0">
                <a:latin typeface="等线" panose="02010600030101010101" pitchFamily="2" charset="-122"/>
                <a:ea typeface="等线" panose="02010600030101010101" pitchFamily="2" charset="-122"/>
              </a:rPr>
              <a:t>和</a:t>
            </a:r>
            <a:r>
              <a:rPr lang="zh-CN" altLang="en-US" sz="1800" u="sng" dirty="0">
                <a:solidFill>
                  <a:srgbClr val="C83C96"/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下层幕墙线 </a:t>
            </a:r>
            <a:r>
              <a:rPr lang="zh-CN" altLang="en-US" sz="1800" dirty="0">
                <a:latin typeface="等线" panose="02010600030101010101" pitchFamily="2" charset="-122"/>
                <a:ea typeface="等线" panose="02010600030101010101" pitchFamily="2" charset="-122"/>
              </a:rPr>
              <a:t>是否</a:t>
            </a:r>
            <a:r>
              <a:rPr lang="en-US" altLang="zh-CN" sz="1800" dirty="0">
                <a:latin typeface="等线" panose="02010600030101010101" pitchFamily="2" charset="-122"/>
                <a:ea typeface="等线" panose="02010600030101010101" pitchFamily="2" charset="-122"/>
              </a:rPr>
              <a:t> </a:t>
            </a:r>
            <a:r>
              <a:rPr lang="zh-CN" altLang="en-US" sz="1800" b="1" dirty="0">
                <a:solidFill>
                  <a:schemeClr val="tx1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都</a:t>
            </a:r>
            <a:r>
              <a:rPr lang="zh-CN" altLang="en-US" sz="1800" dirty="0">
                <a:latin typeface="等线" panose="02010600030101010101" pitchFamily="2" charset="-122"/>
                <a:ea typeface="等线" panose="02010600030101010101" pitchFamily="2" charset="-122"/>
              </a:rPr>
              <a:t> 在</a:t>
            </a:r>
            <a:r>
              <a:rPr lang="zh-CN" altLang="en-US" sz="1800" u="sng" dirty="0">
                <a:solidFill>
                  <a:srgbClr val="005AAA"/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楼板线</a:t>
            </a:r>
            <a:r>
              <a:rPr lang="zh-CN" altLang="en-US" sz="1800" dirty="0">
                <a:latin typeface="等线" panose="02010600030101010101" pitchFamily="2" charset="-122"/>
                <a:ea typeface="等线" panose="02010600030101010101" pitchFamily="2" charset="-122"/>
              </a:rPr>
              <a:t>外侧</a:t>
            </a:r>
            <a:endParaRPr lang="en-US" altLang="zh-CN" sz="1800" dirty="0">
              <a:latin typeface="等线" panose="02010600030101010101" pitchFamily="2" charset="-122"/>
              <a:ea typeface="等线" panose="02010600030101010101" pitchFamily="2" charset="-122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zh-CN" altLang="en-US" sz="1800" dirty="0">
                <a:latin typeface="等线" panose="02010600030101010101" pitchFamily="2" charset="-122"/>
                <a:ea typeface="等线" panose="02010600030101010101" pitchFamily="2" charset="-122"/>
              </a:rPr>
              <a:t>非连续幕墙范围</a:t>
            </a:r>
            <a:endParaRPr lang="en-US" altLang="zh-CN" sz="1800" dirty="0">
              <a:latin typeface="等线" panose="02010600030101010101" pitchFamily="2" charset="-122"/>
              <a:ea typeface="等线" panose="02010600030101010101" pitchFamily="2" charset="-122"/>
            </a:endParaRPr>
          </a:p>
          <a:p>
            <a:endParaRPr lang="en-GB" dirty="0"/>
          </a:p>
        </p:txBody>
      </p:sp>
      <p:graphicFrame>
        <p:nvGraphicFramePr>
          <p:cNvPr id="5" name="图示 4">
            <a:extLst>
              <a:ext uri="{FF2B5EF4-FFF2-40B4-BE49-F238E27FC236}">
                <a16:creationId xmlns:a16="http://schemas.microsoft.com/office/drawing/2014/main" id="{0CA02FCF-F10D-BB79-F1A9-0D236586FA5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782724214"/>
              </p:ext>
            </p:extLst>
          </p:nvPr>
        </p:nvGraphicFramePr>
        <p:xfrm>
          <a:off x="878500" y="2814086"/>
          <a:ext cx="7808299" cy="303212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sp>
        <p:nvSpPr>
          <p:cNvPr id="12" name="任意多边形: 形状 11">
            <a:extLst>
              <a:ext uri="{FF2B5EF4-FFF2-40B4-BE49-F238E27FC236}">
                <a16:creationId xmlns:a16="http://schemas.microsoft.com/office/drawing/2014/main" id="{A91AA1F0-4BBE-F75A-DADD-D4B2CE4DFFD3}"/>
              </a:ext>
            </a:extLst>
          </p:cNvPr>
          <p:cNvSpPr/>
          <p:nvPr/>
        </p:nvSpPr>
        <p:spPr>
          <a:xfrm flipV="1">
            <a:off x="9511054" y="3131001"/>
            <a:ext cx="1657968" cy="915354"/>
          </a:xfrm>
          <a:custGeom>
            <a:avLst/>
            <a:gdLst>
              <a:gd name="connsiteX0" fmla="*/ 0 w 1657968"/>
              <a:gd name="connsiteY0" fmla="*/ 125054 h 915354"/>
              <a:gd name="connsiteX1" fmla="*/ 1657968 w 1657968"/>
              <a:gd name="connsiteY1" fmla="*/ 915354 h 9153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657968" h="915354" extrusionOk="0">
                <a:moveTo>
                  <a:pt x="0" y="125054"/>
                </a:moveTo>
                <a:cubicBezTo>
                  <a:pt x="956691" y="-107136"/>
                  <a:pt x="1507647" y="-289931"/>
                  <a:pt x="1657968" y="915354"/>
                </a:cubicBezTo>
              </a:path>
            </a:pathLst>
          </a:custGeom>
          <a:noFill/>
          <a:ln w="28575">
            <a:solidFill>
              <a:srgbClr val="FFC000"/>
            </a:solidFill>
            <a:extLst>
              <a:ext uri="{C807C97D-BFC1-408E-A445-0C87EB9F89A2}">
                <ask:lineSketchStyleProps xmlns:ask="http://schemas.microsoft.com/office/drawing/2018/sketchyshapes" sd="2510766420">
                  <a:custGeom>
                    <a:avLst/>
                    <a:gdLst>
                      <a:gd name="connsiteX0" fmla="*/ 0 w 2339340"/>
                      <a:gd name="connsiteY0" fmla="*/ 15675 h 114735"/>
                      <a:gd name="connsiteX1" fmla="*/ 2339340 w 2339340"/>
                      <a:gd name="connsiteY1" fmla="*/ 114735 h 114735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</a:cxnLst>
                    <a:rect l="l" t="t" r="r" b="b"/>
                    <a:pathLst>
                      <a:path w="2339340" h="114735">
                        <a:moveTo>
                          <a:pt x="0" y="15675"/>
                        </a:moveTo>
                        <a:cubicBezTo>
                          <a:pt x="1125220" y="-5915"/>
                          <a:pt x="2250440" y="-27505"/>
                          <a:pt x="2339340" y="114735"/>
                        </a:cubicBezTo>
                      </a:path>
                    </a:pathLst>
                  </a:cu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CN" altLang="en-US"/>
          </a:p>
        </p:txBody>
      </p:sp>
      <p:sp>
        <p:nvSpPr>
          <p:cNvPr id="13" name="任意多边形: 形状 12">
            <a:extLst>
              <a:ext uri="{FF2B5EF4-FFF2-40B4-BE49-F238E27FC236}">
                <a16:creationId xmlns:a16="http://schemas.microsoft.com/office/drawing/2014/main" id="{13A6313E-2CDA-AB54-ECFC-801B3B46905E}"/>
              </a:ext>
            </a:extLst>
          </p:cNvPr>
          <p:cNvSpPr/>
          <p:nvPr/>
        </p:nvSpPr>
        <p:spPr>
          <a:xfrm flipV="1">
            <a:off x="9511053" y="3147748"/>
            <a:ext cx="2054373" cy="537826"/>
          </a:xfrm>
          <a:custGeom>
            <a:avLst/>
            <a:gdLst>
              <a:gd name="connsiteX0" fmla="*/ 0 w 2054373"/>
              <a:gd name="connsiteY0" fmla="*/ 73477 h 537826"/>
              <a:gd name="connsiteX1" fmla="*/ 2054373 w 2054373"/>
              <a:gd name="connsiteY1" fmla="*/ 537826 h 537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54373" h="537826" extrusionOk="0">
                <a:moveTo>
                  <a:pt x="0" y="73477"/>
                </a:moveTo>
                <a:cubicBezTo>
                  <a:pt x="953940" y="-45644"/>
                  <a:pt x="1860766" y="-30531"/>
                  <a:pt x="2054373" y="537826"/>
                </a:cubicBezTo>
              </a:path>
            </a:pathLst>
          </a:custGeom>
          <a:noFill/>
          <a:ln w="28575">
            <a:solidFill>
              <a:srgbClr val="005AAA"/>
            </a:solidFill>
            <a:extLst>
              <a:ext uri="{C807C97D-BFC1-408E-A445-0C87EB9F89A2}">
                <ask:lineSketchStyleProps xmlns:ask="http://schemas.microsoft.com/office/drawing/2018/sketchyshapes" sd="1979873619">
                  <a:custGeom>
                    <a:avLst/>
                    <a:gdLst>
                      <a:gd name="connsiteX0" fmla="*/ 0 w 2339340"/>
                      <a:gd name="connsiteY0" fmla="*/ 15675 h 114735"/>
                      <a:gd name="connsiteX1" fmla="*/ 2339340 w 2339340"/>
                      <a:gd name="connsiteY1" fmla="*/ 114735 h 114735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</a:cxnLst>
                    <a:rect l="l" t="t" r="r" b="b"/>
                    <a:pathLst>
                      <a:path w="2339340" h="114735">
                        <a:moveTo>
                          <a:pt x="0" y="15675"/>
                        </a:moveTo>
                        <a:cubicBezTo>
                          <a:pt x="1125220" y="-5915"/>
                          <a:pt x="2250440" y="-27505"/>
                          <a:pt x="2339340" y="114735"/>
                        </a:cubicBezTo>
                      </a:path>
                    </a:pathLst>
                  </a:cu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CN" altLang="en-US"/>
          </a:p>
        </p:txBody>
      </p:sp>
      <p:sp>
        <p:nvSpPr>
          <p:cNvPr id="16" name="任意多边形: 形状 15">
            <a:extLst>
              <a:ext uri="{FF2B5EF4-FFF2-40B4-BE49-F238E27FC236}">
                <a16:creationId xmlns:a16="http://schemas.microsoft.com/office/drawing/2014/main" id="{DE7C9A8B-4A2C-3CFF-84B7-0F0A44C76F41}"/>
              </a:ext>
            </a:extLst>
          </p:cNvPr>
          <p:cNvSpPr/>
          <p:nvPr/>
        </p:nvSpPr>
        <p:spPr>
          <a:xfrm>
            <a:off x="9511052" y="2970128"/>
            <a:ext cx="1738896" cy="837863"/>
          </a:xfrm>
          <a:custGeom>
            <a:avLst/>
            <a:gdLst>
              <a:gd name="connsiteX0" fmla="*/ 0 w 1828800"/>
              <a:gd name="connsiteY0" fmla="*/ 800100 h 906780"/>
              <a:gd name="connsiteX1" fmla="*/ 1104900 w 1828800"/>
              <a:gd name="connsiteY1" fmla="*/ 906780 h 906780"/>
              <a:gd name="connsiteX2" fmla="*/ 1737360 w 1828800"/>
              <a:gd name="connsiteY2" fmla="*/ 830580 h 906780"/>
              <a:gd name="connsiteX3" fmla="*/ 1828800 w 1828800"/>
              <a:gd name="connsiteY3" fmla="*/ 419100 h 906780"/>
              <a:gd name="connsiteX4" fmla="*/ 1783080 w 1828800"/>
              <a:gd name="connsiteY4" fmla="*/ 0 h 906780"/>
              <a:gd name="connsiteX5" fmla="*/ 1562100 w 1828800"/>
              <a:gd name="connsiteY5" fmla="*/ 45720 h 906780"/>
              <a:gd name="connsiteX6" fmla="*/ 1554480 w 1828800"/>
              <a:gd name="connsiteY6" fmla="*/ 617220 h 906780"/>
              <a:gd name="connsiteX7" fmla="*/ 861060 w 1828800"/>
              <a:gd name="connsiteY7" fmla="*/ 685800 h 906780"/>
              <a:gd name="connsiteX8" fmla="*/ 22860 w 1828800"/>
              <a:gd name="connsiteY8" fmla="*/ 609600 h 906780"/>
              <a:gd name="connsiteX9" fmla="*/ 0 w 1828800"/>
              <a:gd name="connsiteY9" fmla="*/ 800100 h 9067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828800" h="906780">
                <a:moveTo>
                  <a:pt x="0" y="800100"/>
                </a:moveTo>
                <a:lnTo>
                  <a:pt x="1104900" y="906780"/>
                </a:lnTo>
                <a:lnTo>
                  <a:pt x="1737360" y="830580"/>
                </a:lnTo>
                <a:lnTo>
                  <a:pt x="1828800" y="419100"/>
                </a:lnTo>
                <a:lnTo>
                  <a:pt x="1783080" y="0"/>
                </a:lnTo>
                <a:lnTo>
                  <a:pt x="1562100" y="45720"/>
                </a:lnTo>
                <a:lnTo>
                  <a:pt x="1554480" y="617220"/>
                </a:lnTo>
                <a:lnTo>
                  <a:pt x="861060" y="685800"/>
                </a:lnTo>
                <a:lnTo>
                  <a:pt x="22860" y="609600"/>
                </a:lnTo>
                <a:lnTo>
                  <a:pt x="0" y="800100"/>
                </a:lnTo>
                <a:close/>
              </a:path>
            </a:pathLst>
          </a:custGeom>
          <a:solidFill>
            <a:srgbClr val="C83C96">
              <a:alpha val="40000"/>
            </a:srgb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CN" altLang="en-US" dirty="0"/>
          </a:p>
        </p:txBody>
      </p:sp>
      <p:sp>
        <p:nvSpPr>
          <p:cNvPr id="17" name="矩形: 圆角 16">
            <a:extLst>
              <a:ext uri="{FF2B5EF4-FFF2-40B4-BE49-F238E27FC236}">
                <a16:creationId xmlns:a16="http://schemas.microsoft.com/office/drawing/2014/main" id="{4E769968-F7AC-223D-DA7D-431FF968B8A5}"/>
              </a:ext>
            </a:extLst>
          </p:cNvPr>
          <p:cNvSpPr/>
          <p:nvPr/>
        </p:nvSpPr>
        <p:spPr>
          <a:xfrm>
            <a:off x="9363075" y="2814087"/>
            <a:ext cx="2308565" cy="1392290"/>
          </a:xfrm>
          <a:custGeom>
            <a:avLst/>
            <a:gdLst>
              <a:gd name="connsiteX0" fmla="*/ 0 w 2308565"/>
              <a:gd name="connsiteY0" fmla="*/ 232053 h 1392290"/>
              <a:gd name="connsiteX1" fmla="*/ 232053 w 2308565"/>
              <a:gd name="connsiteY1" fmla="*/ 0 h 1392290"/>
              <a:gd name="connsiteX2" fmla="*/ 828428 w 2308565"/>
              <a:gd name="connsiteY2" fmla="*/ 0 h 1392290"/>
              <a:gd name="connsiteX3" fmla="*/ 1424803 w 2308565"/>
              <a:gd name="connsiteY3" fmla="*/ 0 h 1392290"/>
              <a:gd name="connsiteX4" fmla="*/ 2076512 w 2308565"/>
              <a:gd name="connsiteY4" fmla="*/ 0 h 1392290"/>
              <a:gd name="connsiteX5" fmla="*/ 2308565 w 2308565"/>
              <a:gd name="connsiteY5" fmla="*/ 232053 h 1392290"/>
              <a:gd name="connsiteX6" fmla="*/ 2308565 w 2308565"/>
              <a:gd name="connsiteY6" fmla="*/ 668299 h 1392290"/>
              <a:gd name="connsiteX7" fmla="*/ 2308565 w 2308565"/>
              <a:gd name="connsiteY7" fmla="*/ 1160237 h 1392290"/>
              <a:gd name="connsiteX8" fmla="*/ 2076512 w 2308565"/>
              <a:gd name="connsiteY8" fmla="*/ 1392290 h 1392290"/>
              <a:gd name="connsiteX9" fmla="*/ 1498582 w 2308565"/>
              <a:gd name="connsiteY9" fmla="*/ 1392290 h 1392290"/>
              <a:gd name="connsiteX10" fmla="*/ 902206 w 2308565"/>
              <a:gd name="connsiteY10" fmla="*/ 1392290 h 1392290"/>
              <a:gd name="connsiteX11" fmla="*/ 232053 w 2308565"/>
              <a:gd name="connsiteY11" fmla="*/ 1392290 h 1392290"/>
              <a:gd name="connsiteX12" fmla="*/ 0 w 2308565"/>
              <a:gd name="connsiteY12" fmla="*/ 1160237 h 1392290"/>
              <a:gd name="connsiteX13" fmla="*/ 0 w 2308565"/>
              <a:gd name="connsiteY13" fmla="*/ 686863 h 1392290"/>
              <a:gd name="connsiteX14" fmla="*/ 0 w 2308565"/>
              <a:gd name="connsiteY14" fmla="*/ 232053 h 139229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2308565" h="1392290" extrusionOk="0">
                <a:moveTo>
                  <a:pt x="0" y="232053"/>
                </a:moveTo>
                <a:cubicBezTo>
                  <a:pt x="1402" y="98543"/>
                  <a:pt x="124214" y="-9081"/>
                  <a:pt x="232053" y="0"/>
                </a:cubicBezTo>
                <a:cubicBezTo>
                  <a:pt x="432771" y="6295"/>
                  <a:pt x="584637" y="5293"/>
                  <a:pt x="828428" y="0"/>
                </a:cubicBezTo>
                <a:cubicBezTo>
                  <a:pt x="1072220" y="-5293"/>
                  <a:pt x="1163626" y="-22386"/>
                  <a:pt x="1424803" y="0"/>
                </a:cubicBezTo>
                <a:cubicBezTo>
                  <a:pt x="1685981" y="22386"/>
                  <a:pt x="1848774" y="-21294"/>
                  <a:pt x="2076512" y="0"/>
                </a:cubicBezTo>
                <a:cubicBezTo>
                  <a:pt x="2208279" y="11700"/>
                  <a:pt x="2326897" y="91632"/>
                  <a:pt x="2308565" y="232053"/>
                </a:cubicBezTo>
                <a:cubicBezTo>
                  <a:pt x="2304978" y="340841"/>
                  <a:pt x="2317301" y="484569"/>
                  <a:pt x="2308565" y="668299"/>
                </a:cubicBezTo>
                <a:cubicBezTo>
                  <a:pt x="2299829" y="852029"/>
                  <a:pt x="2301327" y="919542"/>
                  <a:pt x="2308565" y="1160237"/>
                </a:cubicBezTo>
                <a:cubicBezTo>
                  <a:pt x="2316924" y="1289692"/>
                  <a:pt x="2208564" y="1367505"/>
                  <a:pt x="2076512" y="1392290"/>
                </a:cubicBezTo>
                <a:cubicBezTo>
                  <a:pt x="1945508" y="1364310"/>
                  <a:pt x="1617928" y="1392089"/>
                  <a:pt x="1498582" y="1392290"/>
                </a:cubicBezTo>
                <a:cubicBezTo>
                  <a:pt x="1379236" y="1392492"/>
                  <a:pt x="1022144" y="1408435"/>
                  <a:pt x="902206" y="1392290"/>
                </a:cubicBezTo>
                <a:cubicBezTo>
                  <a:pt x="782268" y="1376145"/>
                  <a:pt x="450739" y="1422189"/>
                  <a:pt x="232053" y="1392290"/>
                </a:cubicBezTo>
                <a:cubicBezTo>
                  <a:pt x="110971" y="1389856"/>
                  <a:pt x="2970" y="1268269"/>
                  <a:pt x="0" y="1160237"/>
                </a:cubicBezTo>
                <a:cubicBezTo>
                  <a:pt x="-23623" y="985930"/>
                  <a:pt x="-4888" y="806927"/>
                  <a:pt x="0" y="686863"/>
                </a:cubicBezTo>
                <a:cubicBezTo>
                  <a:pt x="4888" y="566799"/>
                  <a:pt x="245" y="437076"/>
                  <a:pt x="0" y="232053"/>
                </a:cubicBezTo>
                <a:close/>
              </a:path>
            </a:pathLst>
          </a:custGeom>
          <a:noFill/>
          <a:ln w="28575" cap="flat" cmpd="sng" algn="ctr">
            <a:solidFill>
              <a:srgbClr val="E66E23"/>
            </a:solidFill>
            <a:prstDash val="sysDot"/>
            <a:round/>
            <a:headEnd type="none" w="med" len="med"/>
            <a:tailEnd type="none" w="med" len="med"/>
            <a:extLst>
              <a:ext uri="{C807C97D-BFC1-408E-A445-0C87EB9F89A2}">
                <ask:lineSketchStyleProps xmlns:ask="http://schemas.microsoft.com/office/drawing/2018/sketchyshapes" sd="1408080493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  <a:extLst>
            <a:ext uri="{909E8E84-426E-40DD-AFC4-6F175D3DCCD1}">
              <a14:hiddenFill xmlns:a14="http://schemas.microsoft.com/office/drawing/2010/main">
                <a:solidFill>
                  <a:srgbClr val="E66E23"/>
                </a:solidFill>
              </a14:hiddenFill>
            </a:ext>
          </a:extLst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6"/>
          </a:fontRef>
        </p:style>
        <p:txBody>
          <a:bodyPr rtlCol="0" anchor="ctr"/>
          <a:lstStyle/>
          <a:p>
            <a:pPr algn="ctr"/>
            <a:endParaRPr lang="zh-CN" altLang="en-US">
              <a:ln w="38100">
                <a:solidFill>
                  <a:schemeClr val="tx1"/>
                </a:solidFill>
              </a:ln>
            </a:endParaRPr>
          </a:p>
        </p:txBody>
      </p:sp>
      <p:sp>
        <p:nvSpPr>
          <p:cNvPr id="19" name="弧形 18">
            <a:extLst>
              <a:ext uri="{FF2B5EF4-FFF2-40B4-BE49-F238E27FC236}">
                <a16:creationId xmlns:a16="http://schemas.microsoft.com/office/drawing/2014/main" id="{BDEF6193-BFC3-F9E5-A709-7C765D154F27}"/>
              </a:ext>
            </a:extLst>
          </p:cNvPr>
          <p:cNvSpPr/>
          <p:nvPr/>
        </p:nvSpPr>
        <p:spPr>
          <a:xfrm rot="18859851">
            <a:off x="8150248" y="3075783"/>
            <a:ext cx="3498276" cy="2992568"/>
          </a:xfrm>
          <a:prstGeom prst="arc">
            <a:avLst/>
          </a:prstGeom>
          <a:ln w="28575">
            <a:solidFill>
              <a:srgbClr val="FFC000"/>
            </a:solidFill>
            <a:prstDash val="sysDash"/>
            <a:headEnd type="none" w="med" len="med"/>
            <a:tailEnd type="arrow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zh-CN" altLang="en-US">
              <a:solidFill>
                <a:srgbClr val="FFC000"/>
              </a:solidFill>
            </a:endParaRPr>
          </a:p>
        </p:txBody>
      </p:sp>
      <p:sp>
        <p:nvSpPr>
          <p:cNvPr id="20" name="弧形 19">
            <a:extLst>
              <a:ext uri="{FF2B5EF4-FFF2-40B4-BE49-F238E27FC236}">
                <a16:creationId xmlns:a16="http://schemas.microsoft.com/office/drawing/2014/main" id="{5C7C0634-2699-B0CD-B6D8-D4CF4E74D3C4}"/>
              </a:ext>
            </a:extLst>
          </p:cNvPr>
          <p:cNvSpPr/>
          <p:nvPr/>
        </p:nvSpPr>
        <p:spPr>
          <a:xfrm rot="6827444">
            <a:off x="7398384" y="1618991"/>
            <a:ext cx="2439672" cy="2905060"/>
          </a:xfrm>
          <a:prstGeom prst="arc">
            <a:avLst/>
          </a:prstGeom>
          <a:ln w="28575" cap="flat" cmpd="sng" algn="ctr">
            <a:solidFill>
              <a:srgbClr val="005AAA"/>
            </a:solidFill>
            <a:prstDash val="sysDash"/>
            <a:miter lim="800000"/>
            <a:headEnd type="arrow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zh-CN" altLang="en-US">
              <a:solidFill>
                <a:srgbClr val="005AAA"/>
              </a:solidFill>
            </a:endParaRPr>
          </a:p>
        </p:txBody>
      </p:sp>
      <p:sp>
        <p:nvSpPr>
          <p:cNvPr id="21" name="矩形: 圆角 20">
            <a:extLst>
              <a:ext uri="{FF2B5EF4-FFF2-40B4-BE49-F238E27FC236}">
                <a16:creationId xmlns:a16="http://schemas.microsoft.com/office/drawing/2014/main" id="{CB99FAE0-A7A2-05B1-9BB6-89B292B8F1D5}"/>
              </a:ext>
            </a:extLst>
          </p:cNvPr>
          <p:cNvSpPr>
            <a:spLocks/>
          </p:cNvSpPr>
          <p:nvPr/>
        </p:nvSpPr>
        <p:spPr>
          <a:xfrm>
            <a:off x="10949939" y="2888418"/>
            <a:ext cx="457747" cy="178631"/>
          </a:xfrm>
          <a:prstGeom prst="roundRect">
            <a:avLst/>
          </a:prstGeom>
          <a:solidFill>
            <a:schemeClr val="bg2">
              <a:lumMod val="100000"/>
            </a:schemeClr>
          </a:solidFill>
          <a:ln w="9525" cap="flat" cmpd="sng" algn="ctr">
            <a:solidFill>
              <a:schemeClr val="accent2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000" dirty="0">
                <a:solidFill>
                  <a:srgbClr val="E66E23"/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内侧</a:t>
            </a:r>
          </a:p>
        </p:txBody>
      </p:sp>
      <p:sp>
        <p:nvSpPr>
          <p:cNvPr id="22" name="矩形: 圆角 21">
            <a:extLst>
              <a:ext uri="{FF2B5EF4-FFF2-40B4-BE49-F238E27FC236}">
                <a16:creationId xmlns:a16="http://schemas.microsoft.com/office/drawing/2014/main" id="{37CCBFEA-1CF0-FECE-42F3-11074C57F54B}"/>
              </a:ext>
            </a:extLst>
          </p:cNvPr>
          <p:cNvSpPr>
            <a:spLocks/>
          </p:cNvSpPr>
          <p:nvPr/>
        </p:nvSpPr>
        <p:spPr>
          <a:xfrm>
            <a:off x="10940148" y="3957039"/>
            <a:ext cx="457747" cy="178631"/>
          </a:xfrm>
          <a:prstGeom prst="roundRect">
            <a:avLst/>
          </a:prstGeom>
          <a:solidFill>
            <a:schemeClr val="bg2">
              <a:lumMod val="100000"/>
            </a:schemeClr>
          </a:solidFill>
          <a:ln w="9525" cap="flat" cmpd="sng" algn="ctr">
            <a:solidFill>
              <a:schemeClr val="accent2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000" dirty="0">
                <a:solidFill>
                  <a:srgbClr val="E66E23"/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外侧</a:t>
            </a:r>
          </a:p>
        </p:txBody>
      </p:sp>
      <p:sp>
        <p:nvSpPr>
          <p:cNvPr id="23" name="箭头: 右 22">
            <a:extLst>
              <a:ext uri="{FF2B5EF4-FFF2-40B4-BE49-F238E27FC236}">
                <a16:creationId xmlns:a16="http://schemas.microsoft.com/office/drawing/2014/main" id="{9F4F0719-C9A3-2A6B-85C9-642A25E1C1F7}"/>
              </a:ext>
            </a:extLst>
          </p:cNvPr>
          <p:cNvSpPr/>
          <p:nvPr/>
        </p:nvSpPr>
        <p:spPr>
          <a:xfrm>
            <a:off x="9008434" y="3541204"/>
            <a:ext cx="488095" cy="157124"/>
          </a:xfrm>
          <a:prstGeom prst="rightArrow">
            <a:avLst/>
          </a:prstGeom>
          <a:solidFill>
            <a:schemeClr val="accent3">
              <a:lumMod val="100000"/>
            </a:schemeClr>
          </a:solidFill>
          <a:ln w="12700" cap="flat" cmpd="sng" algn="ctr">
            <a:solidFill>
              <a:schemeClr val="accent3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600" dirty="0">
                <a:latin typeface="等线" panose="02010600030101010101" pitchFamily="2" charset="-122"/>
                <a:ea typeface="等线" panose="02010600030101010101" pitchFamily="2" charset="-122"/>
              </a:rPr>
              <a:t>楼板线</a:t>
            </a:r>
          </a:p>
        </p:txBody>
      </p:sp>
      <p:sp>
        <p:nvSpPr>
          <p:cNvPr id="24" name="箭头: 右 23">
            <a:extLst>
              <a:ext uri="{FF2B5EF4-FFF2-40B4-BE49-F238E27FC236}">
                <a16:creationId xmlns:a16="http://schemas.microsoft.com/office/drawing/2014/main" id="{3A932851-D9AD-A361-A242-96A5D96D3C9B}"/>
              </a:ext>
            </a:extLst>
          </p:cNvPr>
          <p:cNvSpPr/>
          <p:nvPr/>
        </p:nvSpPr>
        <p:spPr>
          <a:xfrm flipH="1">
            <a:off x="11127342" y="3629481"/>
            <a:ext cx="932335" cy="157124"/>
          </a:xfrm>
          <a:prstGeom prst="rightArrow">
            <a:avLst/>
          </a:prstGeom>
          <a:solidFill>
            <a:srgbClr val="C83C96">
              <a:alpha val="60000"/>
            </a:srgbClr>
          </a:solidFill>
          <a:ln w="12700" cap="flat" cmpd="sng" algn="ctr">
            <a:solidFill>
              <a:schemeClr val="accent5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600" dirty="0">
                <a:solidFill>
                  <a:schemeClr val="bg1"/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最终埋件定位线范围</a:t>
            </a:r>
          </a:p>
        </p:txBody>
      </p:sp>
      <p:sp>
        <p:nvSpPr>
          <p:cNvPr id="6" name="箭头: 下 5">
            <a:extLst>
              <a:ext uri="{FF2B5EF4-FFF2-40B4-BE49-F238E27FC236}">
                <a16:creationId xmlns:a16="http://schemas.microsoft.com/office/drawing/2014/main" id="{C48E3B47-5FDC-FD0F-8CCB-30FB8BC3EFF3}"/>
              </a:ext>
            </a:extLst>
          </p:cNvPr>
          <p:cNvSpPr/>
          <p:nvPr/>
        </p:nvSpPr>
        <p:spPr>
          <a:xfrm>
            <a:off x="10340038" y="4287076"/>
            <a:ext cx="241300" cy="322250"/>
          </a:xfrm>
          <a:prstGeom prst="downArrow">
            <a:avLst/>
          </a:prstGeom>
          <a:solidFill>
            <a:srgbClr val="E66E23"/>
          </a:solidFill>
          <a:ln w="19050" cap="flat" cmpd="sng" algn="ctr">
            <a:solidFill>
              <a:srgbClr val="E66E23"/>
            </a:solidFill>
            <a:prstDash val="sysDot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CN" altLang="en-US">
              <a:ln>
                <a:solidFill>
                  <a:schemeClr val="tx1"/>
                </a:solidFill>
                <a:prstDash val="sysDash"/>
              </a:ln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6DF3D552-CE3F-5567-8FD9-29FA4B660C1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494358" y="5057381"/>
            <a:ext cx="2173960" cy="118809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矩形: 圆角 6">
            <a:extLst>
              <a:ext uri="{FF2B5EF4-FFF2-40B4-BE49-F238E27FC236}">
                <a16:creationId xmlns:a16="http://schemas.microsoft.com/office/drawing/2014/main" id="{A11EAE3E-CB60-8C31-1BB8-F55BE7E4C50C}"/>
              </a:ext>
            </a:extLst>
          </p:cNvPr>
          <p:cNvSpPr>
            <a:spLocks/>
          </p:cNvSpPr>
          <p:nvPr/>
        </p:nvSpPr>
        <p:spPr>
          <a:xfrm>
            <a:off x="9577683" y="4854348"/>
            <a:ext cx="1987743" cy="354090"/>
          </a:xfrm>
          <a:prstGeom prst="roundRect">
            <a:avLst/>
          </a:prstGeom>
          <a:solidFill>
            <a:schemeClr val="bg2">
              <a:lumMod val="100000"/>
            </a:schemeClr>
          </a:solidFill>
          <a:ln w="9525" cap="flat" cmpd="sng" algn="ctr">
            <a:solidFill>
              <a:srgbClr val="E66E23"/>
            </a:solidFill>
            <a:prstDash val="sysDash"/>
            <a:miter lim="800000"/>
            <a:headEnd type="none" w="med" len="med"/>
            <a:tailEnd type="none" w="med" len="me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000" dirty="0">
                <a:solidFill>
                  <a:srgbClr val="E66E23"/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定位线与顶埋埋件之间不用距离偏移，即偏移值</a:t>
            </a:r>
            <a:r>
              <a:rPr lang="en-US" altLang="zh-CN" sz="1000" dirty="0">
                <a:solidFill>
                  <a:srgbClr val="E66E23"/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=0</a:t>
            </a:r>
            <a:endParaRPr lang="zh-CN" altLang="en-US" sz="1000" dirty="0">
              <a:solidFill>
                <a:srgbClr val="E66E23"/>
              </a:solidFill>
              <a:latin typeface="等线" panose="02010600030101010101" pitchFamily="2" charset="-122"/>
              <a:ea typeface="等线" panose="02010600030101010101" pitchFamily="2" charset="-122"/>
            </a:endParaRPr>
          </a:p>
        </p:txBody>
      </p:sp>
      <p:sp>
        <p:nvSpPr>
          <p:cNvPr id="8" name="箭头: 右 7">
            <a:extLst>
              <a:ext uri="{FF2B5EF4-FFF2-40B4-BE49-F238E27FC236}">
                <a16:creationId xmlns:a16="http://schemas.microsoft.com/office/drawing/2014/main" id="{0AA00CA2-7FC8-EDDD-F75A-23CEBE926075}"/>
              </a:ext>
            </a:extLst>
          </p:cNvPr>
          <p:cNvSpPr/>
          <p:nvPr/>
        </p:nvSpPr>
        <p:spPr>
          <a:xfrm>
            <a:off x="9577683" y="5569833"/>
            <a:ext cx="565750" cy="211526"/>
          </a:xfrm>
          <a:prstGeom prst="rightArrow">
            <a:avLst/>
          </a:prstGeom>
          <a:solidFill>
            <a:schemeClr val="accent6">
              <a:lumMod val="100000"/>
            </a:schemeClr>
          </a:solidFill>
          <a:ln w="12700" cap="flat" cmpd="sng" algn="ctr">
            <a:solidFill>
              <a:schemeClr val="accent6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600" dirty="0">
                <a:latin typeface="等线" panose="02010600030101010101" pitchFamily="2" charset="-122"/>
                <a:ea typeface="等线" panose="02010600030101010101" pitchFamily="2" charset="-122"/>
              </a:rPr>
              <a:t>顶埋埋件</a:t>
            </a:r>
          </a:p>
        </p:txBody>
      </p:sp>
      <p:sp>
        <p:nvSpPr>
          <p:cNvPr id="9" name="箭头: 右 8">
            <a:extLst>
              <a:ext uri="{FF2B5EF4-FFF2-40B4-BE49-F238E27FC236}">
                <a16:creationId xmlns:a16="http://schemas.microsoft.com/office/drawing/2014/main" id="{F5B2262D-C82E-39A5-A7BC-98ABA1B6BB11}"/>
              </a:ext>
            </a:extLst>
          </p:cNvPr>
          <p:cNvSpPr/>
          <p:nvPr/>
        </p:nvSpPr>
        <p:spPr>
          <a:xfrm>
            <a:off x="8788400" y="5840435"/>
            <a:ext cx="892175" cy="211526"/>
          </a:xfrm>
          <a:prstGeom prst="rightArrow">
            <a:avLst/>
          </a:prstGeom>
          <a:solidFill>
            <a:srgbClr val="E66E23"/>
          </a:solidFill>
          <a:ln w="12700" cap="flat" cmpd="sng" algn="ctr">
            <a:solidFill>
              <a:srgbClr val="E66E23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600" dirty="0">
                <a:latin typeface="等线" panose="02010600030101010101" pitchFamily="2" charset="-122"/>
                <a:ea typeface="等线" panose="02010600030101010101" pitchFamily="2" charset="-122"/>
              </a:rPr>
              <a:t>最终埋件定位线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4668082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7D4196"/>
    </a:custClr>
    <a:custClr name="Chart 3">
      <a:srgbClr val="005AAA"/>
    </a:custClr>
    <a:custClr name="Chart 4">
      <a:srgbClr val="32A4A0"/>
    </a:custClr>
    <a:custClr name="Chart 5">
      <a:srgbClr val="C83C96"/>
    </a:custClr>
    <a:custClr name="Chart 6">
      <a:srgbClr val="4BA046"/>
    </a:custClr>
    <a:custClr name="Chart 7">
      <a:srgbClr val="1E9B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ial-Times New Roman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Times New Roman" panose="02020603050405020304"/>
        <a:ea typeface=""/>
        <a:cs typeface=""/>
        <a:font script="Jpan" typeface="ＭＳ Ｐ明朝"/>
        <a:font script="Hang" typeface="바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c44e5abb-d413-4efd-8d85-1592c1352622">
      <Terms xmlns="http://schemas.microsoft.com/office/infopath/2007/PartnerControls"/>
    </lcf76f155ced4ddcb4097134ff3c332f>
    <TaxCatchAll xmlns="a696b2bc-9a07-4c31-a97e-ebc07f434b39" xsi:nil="true"/>
  </documentManagement>
</p:properties>
</file>

<file path=customXml/item2.xml><?xml version="1.0" encoding="utf-8"?>
<TemplafySlideTemplateConfiguration><![CDATA[{"slideVersion":1,"isValidatorEnabled":false,"isLocked":false,"elementsMetadata":[],"slideId":"637949598596054315","enableDocumentContentUpdater":false,"version":"2.0"}]]></TemplafySlideTemplateConfiguration>
</file>

<file path=customXml/item3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4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Blank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文档" ma:contentTypeID="0x010100FAB51D73D0466F4F862D2D27980DBA12" ma:contentTypeVersion="15" ma:contentTypeDescription="新建文档。" ma:contentTypeScope="" ma:versionID="51bac538e316a52f91c4dc91fb8a783d">
  <xsd:schema xmlns:xsd="http://www.w3.org/2001/XMLSchema" xmlns:xs="http://www.w3.org/2001/XMLSchema" xmlns:p="http://schemas.microsoft.com/office/2006/metadata/properties" xmlns:ns2="c44e5abb-d413-4efd-8d85-1592c1352622" xmlns:ns3="a696b2bc-9a07-4c31-a97e-ebc07f434b39" targetNamespace="http://schemas.microsoft.com/office/2006/metadata/properties" ma:root="true" ma:fieldsID="33ccc03101cf78c323a75658d3d55df0" ns2:_="" ns3:_="">
    <xsd:import namespace="c44e5abb-d413-4efd-8d85-1592c1352622"/>
    <xsd:import namespace="a696b2bc-9a07-4c31-a97e-ebc07f434b3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44e5abb-d413-4efd-8d85-1592c135262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5" nillable="true" ma:displayName="Length (seconds)" ma:internalName="MediaLengthInSeconds" ma:readOnly="true">
      <xsd:simpleType>
        <xsd:restriction base="dms:Unknown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21" nillable="true" ma:taxonomy="true" ma:internalName="lcf76f155ced4ddcb4097134ff3c332f" ma:taxonomyFieldName="MediaServiceImageTags" ma:displayName="图像标记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96b2bc-9a07-4c31-a97e-ebc07f434b39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共享对象: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共享对象详细信息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4310fda3-172c-4774-964d-825bc64a84b2}" ma:internalName="TaxCatchAll" ma:showField="CatchAllData" ma:web="a696b2bc-9a07-4c31-a97e-ebc07f434b3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内容类型"/>
        <xsd:element ref="dc:title" minOccurs="0" maxOccurs="1" ma:index="4" ma:displayName="标题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79BC2F45-7ADB-45C6-83DE-CEA667DC974F}">
  <ds:schemaRefs/>
</ds:datastoreItem>
</file>

<file path=customXml/itemProps10.xml><?xml version="1.0" encoding="utf-8"?>
<ds:datastoreItem xmlns:ds="http://schemas.openxmlformats.org/officeDocument/2006/customXml" ds:itemID="{B8C57171-5FF2-43C1-8C57-29AAF33644F1}"/>
</file>

<file path=customXml/itemProps2.xml><?xml version="1.0" encoding="utf-8"?>
<ds:datastoreItem xmlns:ds="http://schemas.openxmlformats.org/officeDocument/2006/customXml" ds:itemID="{ECBD5CC9-6EA8-400F-9BFC-A8EB5F370A6C}">
  <ds:schemaRefs/>
</ds:datastoreItem>
</file>

<file path=customXml/itemProps3.xml><?xml version="1.0" encoding="utf-8"?>
<ds:datastoreItem xmlns:ds="http://schemas.openxmlformats.org/officeDocument/2006/customXml" ds:itemID="{B38A1309-93A8-4147-848C-9DBE227067B1}">
  <ds:schemaRefs/>
</ds:datastoreItem>
</file>

<file path=customXml/itemProps4.xml><?xml version="1.0" encoding="utf-8"?>
<ds:datastoreItem xmlns:ds="http://schemas.openxmlformats.org/officeDocument/2006/customXml" ds:itemID="{CBB68CCC-1B51-492A-84E3-3500C75307DB}">
  <ds:schemaRefs/>
</ds:datastoreItem>
</file>

<file path=customXml/itemProps5.xml><?xml version="1.0" encoding="utf-8"?>
<ds:datastoreItem xmlns:ds="http://schemas.openxmlformats.org/officeDocument/2006/customXml" ds:itemID="{85C9654A-CB65-48CF-ADF0-1162351C4C97}">
  <ds:schemaRefs/>
</ds:datastoreItem>
</file>

<file path=customXml/itemProps6.xml><?xml version="1.0" encoding="utf-8"?>
<ds:datastoreItem xmlns:ds="http://schemas.openxmlformats.org/officeDocument/2006/customXml" ds:itemID="{6E803A3F-64DB-469E-A52C-A9461D2C1E41}">
  <ds:schemaRefs/>
</ds:datastoreItem>
</file>

<file path=customXml/itemProps7.xml><?xml version="1.0" encoding="utf-8"?>
<ds:datastoreItem xmlns:ds="http://schemas.openxmlformats.org/officeDocument/2006/customXml" ds:itemID="{F5A6AC88-5A03-4CBC-B83F-8A83D57514C4}">
  <ds:schemaRefs/>
</ds:datastoreItem>
</file>

<file path=customXml/itemProps8.xml><?xml version="1.0" encoding="utf-8"?>
<ds:datastoreItem xmlns:ds="http://schemas.openxmlformats.org/officeDocument/2006/customXml" ds:itemID="{28EE003C-E162-42C4-9245-8B96A76A3A11}"/>
</file>

<file path=customXml/itemProps9.xml><?xml version="1.0" encoding="utf-8"?>
<ds:datastoreItem xmlns:ds="http://schemas.openxmlformats.org/officeDocument/2006/customXml" ds:itemID="{E7A31883-D395-4B6A-9F21-CEAD818A446C}"/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24</Words>
  <Application>Microsoft Office PowerPoint</Application>
  <PresentationFormat>宽屏</PresentationFormat>
  <Paragraphs>23</Paragraphs>
  <Slides>1</Slides>
  <Notes>0</Notes>
  <HiddenSlides>0</HiddenSlides>
  <MMClips>0</MMClips>
  <ScaleCrop>false</ScaleCrop>
  <HeadingPairs>
    <vt:vector size="6" baseType="variant">
      <vt:variant>
        <vt:lpstr>已用的字体</vt:lpstr>
      </vt:variant>
      <vt:variant>
        <vt:i4>3</vt:i4>
      </vt:variant>
      <vt:variant>
        <vt:lpstr>主题</vt:lpstr>
      </vt:variant>
      <vt:variant>
        <vt:i4>2</vt:i4>
      </vt:variant>
      <vt:variant>
        <vt:lpstr>幻灯片标题</vt:lpstr>
      </vt:variant>
      <vt:variant>
        <vt:i4>1</vt:i4>
      </vt:variant>
    </vt:vector>
  </HeadingPairs>
  <TitlesOfParts>
    <vt:vector size="6" baseType="lpstr">
      <vt:lpstr>等线</vt:lpstr>
      <vt:lpstr>Arial</vt:lpstr>
      <vt:lpstr>Times New Roman</vt:lpstr>
      <vt:lpstr>Arup</vt:lpstr>
      <vt:lpstr>Blank</vt:lpstr>
      <vt:lpstr>PowerPoint 演示文稿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11-08T02:58:50Z</dcterms:created>
  <dcterms:modified xsi:type="dcterms:W3CDTF">2022-11-09T07:47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6-29T16:26:25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d2f615bd-5adc-4406-b42c-8cea75de1189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imeStamp">
    <vt:lpwstr>2022-08-01T14:10:59</vt:lpwstr>
  </property>
  <property fmtid="{D5CDD505-2E9C-101B-9397-08002B2CF9AE}" pid="10" name="TemplafyTenantId">
    <vt:lpwstr>arup</vt:lpwstr>
  </property>
  <property fmtid="{D5CDD505-2E9C-101B-9397-08002B2CF9AE}" pid="11" name="TemplafyTemplateId">
    <vt:lpwstr>637949598584067215</vt:lpwstr>
  </property>
  <property fmtid="{D5CDD505-2E9C-101B-9397-08002B2CF9AE}" pid="12" name="TemplafyUserProfileId">
    <vt:lpwstr>637774622519014417</vt:lpwstr>
  </property>
  <property fmtid="{D5CDD505-2E9C-101B-9397-08002B2CF9AE}" pid="13" name="TemplafyLanguageCode">
    <vt:lpwstr>zh-CN</vt:lpwstr>
  </property>
  <property fmtid="{D5CDD505-2E9C-101B-9397-08002B2CF9AE}" pid="14" name="PPStyles">
    <vt:lpwstr/>
  </property>
  <property fmtid="{D5CDD505-2E9C-101B-9397-08002B2CF9AE}" pid="15" name="TemplafyFromBlank">
    <vt:bool>true</vt:bool>
  </property>
  <property fmtid="{D5CDD505-2E9C-101B-9397-08002B2CF9AE}" pid="16" name="ContentTypeId">
    <vt:lpwstr>0x010100FAB51D73D0466F4F862D2D27980DBA12</vt:lpwstr>
  </property>
</Properties>
</file>